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tags/tag3.xml" ContentType="application/vnd.openxmlformats-officedocument.presentationml.tags+xml"/>
  <Override PartName="/ppt/notesSlides/notesSlide14.xml" ContentType="application/vnd.openxmlformats-officedocument.presentationml.notesSlide+xml"/>
  <Override PartName="/ppt/tags/tag4.xml" ContentType="application/vnd.openxmlformats-officedocument.presentationml.tags+xml"/>
  <Override PartName="/ppt/notesSlides/notesSlide15.xml" ContentType="application/vnd.openxmlformats-officedocument.presentationml.notesSlide+xml"/>
  <Override PartName="/ppt/tags/tag5.xml" ContentType="application/vnd.openxmlformats-officedocument.presentationml.tags+xml"/>
  <Override PartName="/ppt/notesSlides/notesSlide16.xml" ContentType="application/vnd.openxmlformats-officedocument.presentationml.notesSlide+xml"/>
  <Override PartName="/ppt/tags/tag6.xml" ContentType="application/vnd.openxmlformats-officedocument.presentationml.tags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tags/tag7.xml" ContentType="application/vnd.openxmlformats-officedocument.presentationml.tags+xml"/>
  <Override PartName="/ppt/notesSlides/notesSlide2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45"/>
  </p:notesMasterIdLst>
  <p:sldIdLst>
    <p:sldId id="299" r:id="rId2"/>
    <p:sldId id="327" r:id="rId3"/>
    <p:sldId id="358" r:id="rId4"/>
    <p:sldId id="387" r:id="rId5"/>
    <p:sldId id="388" r:id="rId6"/>
    <p:sldId id="435" r:id="rId7"/>
    <p:sldId id="437" r:id="rId8"/>
    <p:sldId id="390" r:id="rId9"/>
    <p:sldId id="391" r:id="rId10"/>
    <p:sldId id="393" r:id="rId11"/>
    <p:sldId id="395" r:id="rId12"/>
    <p:sldId id="396" r:id="rId13"/>
    <p:sldId id="397" r:id="rId14"/>
    <p:sldId id="398" r:id="rId15"/>
    <p:sldId id="394" r:id="rId16"/>
    <p:sldId id="442" r:id="rId17"/>
    <p:sldId id="400" r:id="rId18"/>
    <p:sldId id="401" r:id="rId19"/>
    <p:sldId id="432" r:id="rId20"/>
    <p:sldId id="433" r:id="rId21"/>
    <p:sldId id="438" r:id="rId22"/>
    <p:sldId id="440" r:id="rId23"/>
    <p:sldId id="406" r:id="rId24"/>
    <p:sldId id="441" r:id="rId25"/>
    <p:sldId id="430" r:id="rId26"/>
    <p:sldId id="431" r:id="rId27"/>
    <p:sldId id="428" r:id="rId28"/>
    <p:sldId id="411" r:id="rId29"/>
    <p:sldId id="425" r:id="rId30"/>
    <p:sldId id="427" r:id="rId31"/>
    <p:sldId id="363" r:id="rId32"/>
    <p:sldId id="415" r:id="rId33"/>
    <p:sldId id="416" r:id="rId34"/>
    <p:sldId id="417" r:id="rId35"/>
    <p:sldId id="419" r:id="rId36"/>
    <p:sldId id="418" r:id="rId37"/>
    <p:sldId id="423" r:id="rId38"/>
    <p:sldId id="420" r:id="rId39"/>
    <p:sldId id="422" r:id="rId40"/>
    <p:sldId id="326" r:id="rId41"/>
    <p:sldId id="421" r:id="rId42"/>
    <p:sldId id="366" r:id="rId43"/>
    <p:sldId id="424" r:id="rId44"/>
  </p:sldIdLst>
  <p:sldSz cx="13679488" cy="7559675"/>
  <p:notesSz cx="9601200" cy="7315200"/>
  <p:custDataLst>
    <p:tags r:id="rId46"/>
  </p:custDataLst>
  <p:defaultTextStyle>
    <a:defPPr>
      <a:defRPr lang="es-ES"/>
    </a:defPPr>
    <a:lvl1pPr marL="0" algn="l" defTabSz="1019465" rtl="0" eaLnBrk="1" latinLnBrk="0" hangingPunct="1">
      <a:defRPr sz="2007" kern="1200">
        <a:solidFill>
          <a:schemeClr val="tx1"/>
        </a:solidFill>
        <a:latin typeface="+mn-lt"/>
        <a:ea typeface="+mn-ea"/>
        <a:cs typeface="+mn-cs"/>
      </a:defRPr>
    </a:lvl1pPr>
    <a:lvl2pPr marL="509732" algn="l" defTabSz="1019465" rtl="0" eaLnBrk="1" latinLnBrk="0" hangingPunct="1">
      <a:defRPr sz="2007" kern="1200">
        <a:solidFill>
          <a:schemeClr val="tx1"/>
        </a:solidFill>
        <a:latin typeface="+mn-lt"/>
        <a:ea typeface="+mn-ea"/>
        <a:cs typeface="+mn-cs"/>
      </a:defRPr>
    </a:lvl2pPr>
    <a:lvl3pPr marL="1019465" algn="l" defTabSz="1019465" rtl="0" eaLnBrk="1" latinLnBrk="0" hangingPunct="1">
      <a:defRPr sz="2007" kern="1200">
        <a:solidFill>
          <a:schemeClr val="tx1"/>
        </a:solidFill>
        <a:latin typeface="+mn-lt"/>
        <a:ea typeface="+mn-ea"/>
        <a:cs typeface="+mn-cs"/>
      </a:defRPr>
    </a:lvl3pPr>
    <a:lvl4pPr marL="1529197" algn="l" defTabSz="1019465" rtl="0" eaLnBrk="1" latinLnBrk="0" hangingPunct="1">
      <a:defRPr sz="2007" kern="1200">
        <a:solidFill>
          <a:schemeClr val="tx1"/>
        </a:solidFill>
        <a:latin typeface="+mn-lt"/>
        <a:ea typeface="+mn-ea"/>
        <a:cs typeface="+mn-cs"/>
      </a:defRPr>
    </a:lvl4pPr>
    <a:lvl5pPr marL="2038929" algn="l" defTabSz="1019465" rtl="0" eaLnBrk="1" latinLnBrk="0" hangingPunct="1">
      <a:defRPr sz="2007" kern="1200">
        <a:solidFill>
          <a:schemeClr val="tx1"/>
        </a:solidFill>
        <a:latin typeface="+mn-lt"/>
        <a:ea typeface="+mn-ea"/>
        <a:cs typeface="+mn-cs"/>
      </a:defRPr>
    </a:lvl5pPr>
    <a:lvl6pPr marL="2548661" algn="l" defTabSz="1019465" rtl="0" eaLnBrk="1" latinLnBrk="0" hangingPunct="1">
      <a:defRPr sz="2007" kern="1200">
        <a:solidFill>
          <a:schemeClr val="tx1"/>
        </a:solidFill>
        <a:latin typeface="+mn-lt"/>
        <a:ea typeface="+mn-ea"/>
        <a:cs typeface="+mn-cs"/>
      </a:defRPr>
    </a:lvl6pPr>
    <a:lvl7pPr marL="3058394" algn="l" defTabSz="1019465" rtl="0" eaLnBrk="1" latinLnBrk="0" hangingPunct="1">
      <a:defRPr sz="2007" kern="1200">
        <a:solidFill>
          <a:schemeClr val="tx1"/>
        </a:solidFill>
        <a:latin typeface="+mn-lt"/>
        <a:ea typeface="+mn-ea"/>
        <a:cs typeface="+mn-cs"/>
      </a:defRPr>
    </a:lvl7pPr>
    <a:lvl8pPr marL="3568126" algn="l" defTabSz="1019465" rtl="0" eaLnBrk="1" latinLnBrk="0" hangingPunct="1">
      <a:defRPr sz="2007" kern="1200">
        <a:solidFill>
          <a:schemeClr val="tx1"/>
        </a:solidFill>
        <a:latin typeface="+mn-lt"/>
        <a:ea typeface="+mn-ea"/>
        <a:cs typeface="+mn-cs"/>
      </a:defRPr>
    </a:lvl8pPr>
    <a:lvl9pPr marL="4077858" algn="l" defTabSz="1019465" rtl="0" eaLnBrk="1" latinLnBrk="0" hangingPunct="1">
      <a:defRPr sz="2007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Default Section" id="{7E5DABDE-D6D5-B145-9B22-2C960DE05A23}">
          <p14:sldIdLst>
            <p14:sldId id="299"/>
            <p14:sldId id="327"/>
            <p14:sldId id="358"/>
            <p14:sldId id="387"/>
            <p14:sldId id="388"/>
            <p14:sldId id="435"/>
            <p14:sldId id="437"/>
            <p14:sldId id="390"/>
            <p14:sldId id="391"/>
            <p14:sldId id="393"/>
            <p14:sldId id="395"/>
            <p14:sldId id="396"/>
            <p14:sldId id="397"/>
            <p14:sldId id="398"/>
            <p14:sldId id="394"/>
            <p14:sldId id="442"/>
            <p14:sldId id="400"/>
            <p14:sldId id="401"/>
            <p14:sldId id="432"/>
            <p14:sldId id="433"/>
            <p14:sldId id="438"/>
            <p14:sldId id="440"/>
            <p14:sldId id="406"/>
            <p14:sldId id="441"/>
            <p14:sldId id="430"/>
            <p14:sldId id="431"/>
            <p14:sldId id="428"/>
            <p14:sldId id="411"/>
            <p14:sldId id="425"/>
            <p14:sldId id="427"/>
          </p14:sldIdLst>
        </p14:section>
        <p14:section name="Untitled Section" id="{6754361F-05E7-FB4F-87D0-842F13855E9C}">
          <p14:sldIdLst>
            <p14:sldId id="363"/>
            <p14:sldId id="415"/>
            <p14:sldId id="416"/>
            <p14:sldId id="417"/>
            <p14:sldId id="419"/>
            <p14:sldId id="418"/>
            <p14:sldId id="423"/>
            <p14:sldId id="420"/>
            <p14:sldId id="422"/>
            <p14:sldId id="326"/>
            <p14:sldId id="421"/>
            <p14:sldId id="366"/>
            <p14:sldId id="424"/>
          </p14:sldIdLst>
        </p14:section>
      </p14:sectionLst>
    </p:ex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7330"/>
    <a:srgbClr val="008CCF"/>
    <a:srgbClr val="276696"/>
    <a:srgbClr val="749DBB"/>
    <a:srgbClr val="1D5179"/>
    <a:srgbClr val="018BD1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30940" autoAdjust="0"/>
    <p:restoredTop sz="86395" autoAdjust="0"/>
  </p:normalViewPr>
  <p:slideViewPr>
    <p:cSldViewPr snapToGrid="0" showGuides="1">
      <p:cViewPr varScale="1">
        <p:scale>
          <a:sx n="98" d="100"/>
          <a:sy n="98" d="100"/>
        </p:scale>
        <p:origin x="224" y="232"/>
      </p:cViewPr>
      <p:guideLst/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55" d="100"/>
        <a:sy n="55" d="100"/>
      </p:scale>
      <p:origin x="0" y="0"/>
    </p:cViewPr>
  </p:notesTextViewPr>
  <p:sorterViewPr>
    <p:cViewPr>
      <p:scale>
        <a:sx n="100" d="100"/>
        <a:sy n="100" d="100"/>
      </p:scale>
      <p:origin x="0" y="-3828"/>
    </p:cViewPr>
  </p:sorterViewPr>
  <p:notesViewPr>
    <p:cSldViewPr snapToGrid="0" showGuides="1">
      <p:cViewPr varScale="1">
        <p:scale>
          <a:sx n="97" d="100"/>
          <a:sy n="97" d="100"/>
        </p:scale>
        <p:origin x="2700" y="84"/>
      </p:cViewPr>
      <p:guideLst/>
    </p:cSldViewPr>
  </p:notesViewPr>
  <p:gridSpacing cx="36004" cy="36004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presProps" Target="presProps.xml"/><Relationship Id="rId50" Type="http://schemas.openxmlformats.org/officeDocument/2006/relationships/tableStyles" Target="tableStyle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viewProps" Target="viewProps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tags" Target="tags/tag1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 9">
            <a:extLst>
              <a:ext uri="{FF2B5EF4-FFF2-40B4-BE49-F238E27FC236}">
                <a16:creationId xmlns:a16="http://schemas.microsoft.com/office/drawing/2014/main" id="{DCCACEC2-F4BE-4710-AFD9-BA2674ECF4D7}"/>
              </a:ext>
            </a:extLst>
          </p:cNvPr>
          <p:cNvSpPr/>
          <p:nvPr/>
        </p:nvSpPr>
        <p:spPr>
          <a:xfrm>
            <a:off x="206406" y="488458"/>
            <a:ext cx="7214687" cy="4119892"/>
          </a:xfrm>
          <a:prstGeom prst="rect">
            <a:avLst/>
          </a:prstGeom>
          <a:solidFill>
            <a:schemeClr val="bg1">
              <a:lumMod val="8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02180" tIns="51091" rIns="102180" bIns="51091" rtlCol="0" anchor="ctr"/>
          <a:lstStyle/>
          <a:p>
            <a:pPr algn="ctr"/>
            <a:endParaRPr lang="es-ES"/>
          </a:p>
        </p:txBody>
      </p:sp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4160520" cy="367030"/>
          </a:xfrm>
          <a:prstGeom prst="rect">
            <a:avLst/>
          </a:prstGeom>
        </p:spPr>
        <p:txBody>
          <a:bodyPr vert="horz" lIns="96661" tIns="48331" rIns="96661" bIns="48331" rtlCol="0"/>
          <a:lstStyle>
            <a:lvl1pPr algn="l">
              <a:defRPr sz="1300"/>
            </a:lvl1pPr>
          </a:lstStyle>
          <a:p>
            <a:endParaRPr lang="es-E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1763" y="477838"/>
            <a:ext cx="7459662" cy="412273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6661" tIns="48331" rIns="96661" bIns="48331" rtlCol="0" anchor="ctr"/>
          <a:lstStyle/>
          <a:p>
            <a:endParaRPr lang="es-E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206407" y="5025968"/>
            <a:ext cx="7214687" cy="2197490"/>
          </a:xfrm>
          <a:prstGeom prst="rect">
            <a:avLst/>
          </a:prstGeom>
        </p:spPr>
        <p:txBody>
          <a:bodyPr vert="horz" lIns="96661" tIns="48331" rIns="96661" bIns="48331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s-E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A2DEEEB9-6814-4149-8035-C83C92EB3A61}"/>
              </a:ext>
            </a:extLst>
          </p:cNvPr>
          <p:cNvSpPr/>
          <p:nvPr/>
        </p:nvSpPr>
        <p:spPr>
          <a:xfrm>
            <a:off x="0" y="2"/>
            <a:ext cx="9601200" cy="303875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solidFill>
              <a:srgbClr val="09337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02180" tIns="51091" rIns="102180" bIns="51091" rtlCol="0" anchor="ctr"/>
          <a:lstStyle/>
          <a:p>
            <a:pPr algn="ctr"/>
            <a:endParaRPr lang="es-ES"/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D66DA7DE-23DE-492A-B54B-E714D59AD387}"/>
              </a:ext>
            </a:extLst>
          </p:cNvPr>
          <p:cNvSpPr txBox="1"/>
          <p:nvPr/>
        </p:nvSpPr>
        <p:spPr>
          <a:xfrm>
            <a:off x="149723" y="0"/>
            <a:ext cx="7685712" cy="301090"/>
          </a:xfrm>
          <a:prstGeom prst="rect">
            <a:avLst/>
          </a:prstGeom>
          <a:noFill/>
        </p:spPr>
        <p:txBody>
          <a:bodyPr wrap="square" lIns="102180" tIns="51091" rIns="102180" bIns="51091" rtlCol="0">
            <a:spAutoFit/>
          </a:bodyPr>
          <a:lstStyle/>
          <a:p>
            <a:r>
              <a:rPr lang="es-ES" sz="1300">
                <a:solidFill>
                  <a:srgbClr val="2196F3"/>
                </a:solidFill>
                <a:latin typeface="Rubik" pitchFamily="2" charset="-79"/>
                <a:cs typeface="Rubik" pitchFamily="2" charset="-79"/>
              </a:rPr>
              <a:t>Course</a:t>
            </a:r>
            <a:r>
              <a:rPr lang="es-ES" sz="1300">
                <a:latin typeface="Rubik" pitchFamily="2" charset="-79"/>
                <a:cs typeface="Rubik" pitchFamily="2" charset="-79"/>
              </a:rPr>
              <a:t>: Introduction to DHIS2 – </a:t>
            </a:r>
            <a:r>
              <a:rPr lang="es-ES" sz="1300">
                <a:solidFill>
                  <a:srgbClr val="2196F3"/>
                </a:solidFill>
                <a:latin typeface="Rubik" pitchFamily="2" charset="-79"/>
                <a:cs typeface="Rubik" pitchFamily="2" charset="-79"/>
              </a:rPr>
              <a:t>Lesson</a:t>
            </a:r>
            <a:r>
              <a:rPr lang="es-ES" sz="1300">
                <a:latin typeface="Rubik" pitchFamily="2" charset="-79"/>
                <a:cs typeface="Rubik" pitchFamily="2" charset="-79"/>
              </a:rPr>
              <a:t>: How Are Data Analyzed and Interpreted in DHIS2? </a:t>
            </a:r>
          </a:p>
        </p:txBody>
      </p:sp>
      <p:sp>
        <p:nvSpPr>
          <p:cNvPr id="9" name="Slide Number Placeholder 6">
            <a:extLst>
              <a:ext uri="{FF2B5EF4-FFF2-40B4-BE49-F238E27FC236}">
                <a16:creationId xmlns:a16="http://schemas.microsoft.com/office/drawing/2014/main" id="{9A8D6042-C1D7-4514-AAF1-3984DB774B3A}"/>
              </a:ext>
            </a:extLst>
          </p:cNvPr>
          <p:cNvSpPr txBox="1">
            <a:spLocks/>
          </p:cNvSpPr>
          <p:nvPr/>
        </p:nvSpPr>
        <p:spPr>
          <a:xfrm>
            <a:off x="8711387" y="2"/>
            <a:ext cx="866053" cy="297654"/>
          </a:xfrm>
          <a:prstGeom prst="rect">
            <a:avLst/>
          </a:prstGeom>
        </p:spPr>
        <p:txBody>
          <a:bodyPr vert="horz" lIns="102180" tIns="51091" rIns="102180" bIns="51091" rtlCol="0" anchor="b"/>
          <a:lstStyle>
            <a:defPPr>
              <a:defRPr lang="es-ES"/>
            </a:defPPr>
            <a:lvl1pPr marL="0" algn="r" defTabSz="914400" rtl="0" eaLnBrk="1" latinLnBrk="0" hangingPunct="1">
              <a:defRPr sz="1300" kern="1200">
                <a:solidFill>
                  <a:schemeClr val="tx1"/>
                </a:solidFill>
                <a:latin typeface="Rubik Medium" pitchFamily="2" charset="-79"/>
                <a:ea typeface="+mn-ea"/>
                <a:cs typeface="Rubik Medium" pitchFamily="2" charset="-79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fld id="{85A9EAA7-6341-4A26-8261-213BB66666A9}" type="slidenum">
              <a:rPr lang="es-ES" smtClean="0"/>
              <a:pPr/>
              <a:t>‹#›</a:t>
            </a:fld>
            <a:endParaRPr lang="es-ES"/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21E1E2C7-E618-4647-AF4B-445C22AD68EE}"/>
              </a:ext>
            </a:extLst>
          </p:cNvPr>
          <p:cNvSpPr/>
          <p:nvPr/>
        </p:nvSpPr>
        <p:spPr>
          <a:xfrm>
            <a:off x="0" y="4665222"/>
            <a:ext cx="7421093" cy="303875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solidFill>
              <a:srgbClr val="09337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02180" tIns="51091" rIns="102180" bIns="51091" rtlCol="0" anchor="ctr"/>
          <a:lstStyle/>
          <a:p>
            <a:pPr lvl="0" algn="l"/>
            <a:r>
              <a:rPr lang="es-ES" sz="1300" kern="1200">
                <a:solidFill>
                  <a:srgbClr val="2196F3"/>
                </a:solidFill>
                <a:latin typeface="Rubik" pitchFamily="2" charset="-79"/>
                <a:ea typeface="+mn-ea"/>
                <a:cs typeface="Rubik" pitchFamily="2" charset="-79"/>
              </a:rPr>
              <a:t>    Narration</a:t>
            </a:r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78A64629-6DAD-4F18-B0B5-2256D035C8EB}"/>
              </a:ext>
            </a:extLst>
          </p:cNvPr>
          <p:cNvSpPr/>
          <p:nvPr/>
        </p:nvSpPr>
        <p:spPr>
          <a:xfrm>
            <a:off x="7421093" y="479039"/>
            <a:ext cx="2180107" cy="303875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solidFill>
              <a:srgbClr val="09337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102180" tIns="51091" rIns="102180" bIns="51091" rtlCol="0" anchor="ctr"/>
          <a:lstStyle/>
          <a:p>
            <a:pPr lvl="0" algn="l"/>
            <a:r>
              <a:rPr lang="es-ES" sz="1300" kern="1200">
                <a:solidFill>
                  <a:srgbClr val="2196F3"/>
                </a:solidFill>
                <a:latin typeface="Rubik" pitchFamily="2" charset="-79"/>
                <a:ea typeface="+mn-ea"/>
                <a:cs typeface="Rubik" pitchFamily="2" charset="-79"/>
              </a:rPr>
              <a:t>My notes</a:t>
            </a:r>
          </a:p>
        </p:txBody>
      </p: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D6DE7C78-F4D7-42AA-9580-0F91F1A9B32A}"/>
              </a:ext>
            </a:extLst>
          </p:cNvPr>
          <p:cNvCxnSpPr>
            <a:cxnSpLocks/>
          </p:cNvCxnSpPr>
          <p:nvPr/>
        </p:nvCxnSpPr>
        <p:spPr>
          <a:xfrm>
            <a:off x="7660760" y="1124729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73337898-A120-4A0C-BF8B-CC34DDAFD200}"/>
              </a:ext>
            </a:extLst>
          </p:cNvPr>
          <p:cNvCxnSpPr>
            <a:cxnSpLocks/>
          </p:cNvCxnSpPr>
          <p:nvPr/>
        </p:nvCxnSpPr>
        <p:spPr>
          <a:xfrm>
            <a:off x="7660760" y="1478075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Straight Connector 14">
            <a:extLst>
              <a:ext uri="{FF2B5EF4-FFF2-40B4-BE49-F238E27FC236}">
                <a16:creationId xmlns:a16="http://schemas.microsoft.com/office/drawing/2014/main" id="{CB224F92-25A2-471D-BD0E-E3E52B9F52B5}"/>
              </a:ext>
            </a:extLst>
          </p:cNvPr>
          <p:cNvCxnSpPr>
            <a:cxnSpLocks/>
          </p:cNvCxnSpPr>
          <p:nvPr/>
        </p:nvCxnSpPr>
        <p:spPr>
          <a:xfrm>
            <a:off x="7660760" y="1831420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CA4258BF-7051-40D1-BAD1-A53AD630F69E}"/>
              </a:ext>
            </a:extLst>
          </p:cNvPr>
          <p:cNvCxnSpPr>
            <a:cxnSpLocks/>
          </p:cNvCxnSpPr>
          <p:nvPr/>
        </p:nvCxnSpPr>
        <p:spPr>
          <a:xfrm>
            <a:off x="7660760" y="2184766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C96D0E96-C383-4573-81AC-34D61AA4931E}"/>
              </a:ext>
            </a:extLst>
          </p:cNvPr>
          <p:cNvCxnSpPr>
            <a:cxnSpLocks/>
          </p:cNvCxnSpPr>
          <p:nvPr/>
        </p:nvCxnSpPr>
        <p:spPr>
          <a:xfrm>
            <a:off x="7660760" y="2538112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3F821542-9C09-4005-B1DB-CB1E03E00B1B}"/>
              </a:ext>
            </a:extLst>
          </p:cNvPr>
          <p:cNvCxnSpPr>
            <a:cxnSpLocks/>
          </p:cNvCxnSpPr>
          <p:nvPr/>
        </p:nvCxnSpPr>
        <p:spPr>
          <a:xfrm>
            <a:off x="7660760" y="2891458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28B2ACF1-29DF-40AD-B20C-831C72309FDE}"/>
              </a:ext>
            </a:extLst>
          </p:cNvPr>
          <p:cNvCxnSpPr>
            <a:cxnSpLocks/>
          </p:cNvCxnSpPr>
          <p:nvPr/>
        </p:nvCxnSpPr>
        <p:spPr>
          <a:xfrm>
            <a:off x="7660760" y="3244804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" name="Straight Connector 19">
            <a:extLst>
              <a:ext uri="{FF2B5EF4-FFF2-40B4-BE49-F238E27FC236}">
                <a16:creationId xmlns:a16="http://schemas.microsoft.com/office/drawing/2014/main" id="{41AC61F4-C69A-419A-BB3F-3D2AA3F32ED5}"/>
              </a:ext>
            </a:extLst>
          </p:cNvPr>
          <p:cNvCxnSpPr>
            <a:cxnSpLocks/>
          </p:cNvCxnSpPr>
          <p:nvPr/>
        </p:nvCxnSpPr>
        <p:spPr>
          <a:xfrm>
            <a:off x="7660760" y="3598150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1" name="Straight Connector 20">
            <a:extLst>
              <a:ext uri="{FF2B5EF4-FFF2-40B4-BE49-F238E27FC236}">
                <a16:creationId xmlns:a16="http://schemas.microsoft.com/office/drawing/2014/main" id="{EBBCEBA0-710A-4618-B163-E27E1464ADA7}"/>
              </a:ext>
            </a:extLst>
          </p:cNvPr>
          <p:cNvCxnSpPr>
            <a:cxnSpLocks/>
          </p:cNvCxnSpPr>
          <p:nvPr/>
        </p:nvCxnSpPr>
        <p:spPr>
          <a:xfrm>
            <a:off x="7660760" y="3951497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Connector 21">
            <a:extLst>
              <a:ext uri="{FF2B5EF4-FFF2-40B4-BE49-F238E27FC236}">
                <a16:creationId xmlns:a16="http://schemas.microsoft.com/office/drawing/2014/main" id="{11E3A06D-2693-44C2-9A92-480F61E69C53}"/>
              </a:ext>
            </a:extLst>
          </p:cNvPr>
          <p:cNvCxnSpPr>
            <a:cxnSpLocks/>
          </p:cNvCxnSpPr>
          <p:nvPr/>
        </p:nvCxnSpPr>
        <p:spPr>
          <a:xfrm>
            <a:off x="7660760" y="4304842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Straight Connector 22">
            <a:extLst>
              <a:ext uri="{FF2B5EF4-FFF2-40B4-BE49-F238E27FC236}">
                <a16:creationId xmlns:a16="http://schemas.microsoft.com/office/drawing/2014/main" id="{B4EE340E-5C43-4A6D-9F29-36662EBE6BAD}"/>
              </a:ext>
            </a:extLst>
          </p:cNvPr>
          <p:cNvCxnSpPr>
            <a:cxnSpLocks/>
          </p:cNvCxnSpPr>
          <p:nvPr/>
        </p:nvCxnSpPr>
        <p:spPr>
          <a:xfrm>
            <a:off x="7660760" y="4658188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002FF042-6CBC-496E-B50B-24B9C7D1BE3D}"/>
              </a:ext>
            </a:extLst>
          </p:cNvPr>
          <p:cNvCxnSpPr>
            <a:cxnSpLocks/>
          </p:cNvCxnSpPr>
          <p:nvPr/>
        </p:nvCxnSpPr>
        <p:spPr>
          <a:xfrm>
            <a:off x="7660760" y="5011534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Straight Connector 24">
            <a:extLst>
              <a:ext uri="{FF2B5EF4-FFF2-40B4-BE49-F238E27FC236}">
                <a16:creationId xmlns:a16="http://schemas.microsoft.com/office/drawing/2014/main" id="{E68D5ED3-E957-4261-A3A6-9352AAD6E5A8}"/>
              </a:ext>
            </a:extLst>
          </p:cNvPr>
          <p:cNvCxnSpPr>
            <a:cxnSpLocks/>
          </p:cNvCxnSpPr>
          <p:nvPr/>
        </p:nvCxnSpPr>
        <p:spPr>
          <a:xfrm>
            <a:off x="7660760" y="5364880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Straight Connector 25">
            <a:extLst>
              <a:ext uri="{FF2B5EF4-FFF2-40B4-BE49-F238E27FC236}">
                <a16:creationId xmlns:a16="http://schemas.microsoft.com/office/drawing/2014/main" id="{84154871-E6D6-4200-AB7C-B1335CE01E01}"/>
              </a:ext>
            </a:extLst>
          </p:cNvPr>
          <p:cNvCxnSpPr>
            <a:cxnSpLocks/>
          </p:cNvCxnSpPr>
          <p:nvPr/>
        </p:nvCxnSpPr>
        <p:spPr>
          <a:xfrm>
            <a:off x="7660760" y="5718226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Straight Connector 26">
            <a:extLst>
              <a:ext uri="{FF2B5EF4-FFF2-40B4-BE49-F238E27FC236}">
                <a16:creationId xmlns:a16="http://schemas.microsoft.com/office/drawing/2014/main" id="{AFE56B18-9393-42DC-BD8A-FF88E94390AA}"/>
              </a:ext>
            </a:extLst>
          </p:cNvPr>
          <p:cNvCxnSpPr>
            <a:cxnSpLocks/>
          </p:cNvCxnSpPr>
          <p:nvPr/>
        </p:nvCxnSpPr>
        <p:spPr>
          <a:xfrm>
            <a:off x="7660760" y="6071572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Straight Connector 27">
            <a:extLst>
              <a:ext uri="{FF2B5EF4-FFF2-40B4-BE49-F238E27FC236}">
                <a16:creationId xmlns:a16="http://schemas.microsoft.com/office/drawing/2014/main" id="{98CD618D-753E-4247-BF16-E9E4D2323073}"/>
              </a:ext>
            </a:extLst>
          </p:cNvPr>
          <p:cNvCxnSpPr>
            <a:cxnSpLocks/>
          </p:cNvCxnSpPr>
          <p:nvPr/>
        </p:nvCxnSpPr>
        <p:spPr>
          <a:xfrm>
            <a:off x="7660760" y="6424918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Straight Connector 28">
            <a:extLst>
              <a:ext uri="{FF2B5EF4-FFF2-40B4-BE49-F238E27FC236}">
                <a16:creationId xmlns:a16="http://schemas.microsoft.com/office/drawing/2014/main" id="{600017F2-3262-4F04-B1B5-C4040E2BD3F1}"/>
              </a:ext>
            </a:extLst>
          </p:cNvPr>
          <p:cNvCxnSpPr>
            <a:cxnSpLocks/>
          </p:cNvCxnSpPr>
          <p:nvPr/>
        </p:nvCxnSpPr>
        <p:spPr>
          <a:xfrm>
            <a:off x="7660760" y="6778266"/>
            <a:ext cx="1728216" cy="0"/>
          </a:xfrm>
          <a:prstGeom prst="line">
            <a:avLst/>
          </a:prstGeom>
          <a:ln>
            <a:solidFill>
              <a:schemeClr val="bg1">
                <a:lumMod val="8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123414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1019465" rtl="0" eaLnBrk="1" latinLnBrk="0" hangingPunct="1">
      <a:defRPr sz="1561" kern="1200">
        <a:solidFill>
          <a:schemeClr val="tx1"/>
        </a:solidFill>
        <a:latin typeface="Lato" panose="020F0502020204030203" pitchFamily="34" charset="0"/>
        <a:ea typeface="+mn-ea"/>
        <a:cs typeface="+mn-cs"/>
      </a:defRPr>
    </a:lvl1pPr>
    <a:lvl2pPr marL="509732" algn="l" defTabSz="1019465" rtl="0" eaLnBrk="1" latinLnBrk="0" hangingPunct="1">
      <a:defRPr sz="1561" kern="1200">
        <a:solidFill>
          <a:schemeClr val="tx1"/>
        </a:solidFill>
        <a:latin typeface="Lato" panose="020F0502020204030203" pitchFamily="34" charset="0"/>
        <a:ea typeface="+mn-ea"/>
        <a:cs typeface="+mn-cs"/>
      </a:defRPr>
    </a:lvl2pPr>
    <a:lvl3pPr marL="1019465" algn="l" defTabSz="1019465" rtl="0" eaLnBrk="1" latinLnBrk="0" hangingPunct="1">
      <a:defRPr sz="1561" kern="1200">
        <a:solidFill>
          <a:schemeClr val="tx1"/>
        </a:solidFill>
        <a:latin typeface="Lato" panose="020F0502020204030203" pitchFamily="34" charset="0"/>
        <a:ea typeface="+mn-ea"/>
        <a:cs typeface="+mn-cs"/>
      </a:defRPr>
    </a:lvl3pPr>
    <a:lvl4pPr marL="1529197" algn="l" defTabSz="1019465" rtl="0" eaLnBrk="1" latinLnBrk="0" hangingPunct="1">
      <a:defRPr sz="1561" kern="1200">
        <a:solidFill>
          <a:schemeClr val="tx1"/>
        </a:solidFill>
        <a:latin typeface="Lato" panose="020F0502020204030203" pitchFamily="34" charset="0"/>
        <a:ea typeface="+mn-ea"/>
        <a:cs typeface="+mn-cs"/>
      </a:defRPr>
    </a:lvl4pPr>
    <a:lvl5pPr marL="2038929" algn="l" defTabSz="1019465" rtl="0" eaLnBrk="1" latinLnBrk="0" hangingPunct="1">
      <a:defRPr sz="1561" kern="1200">
        <a:solidFill>
          <a:schemeClr val="tx1"/>
        </a:solidFill>
        <a:latin typeface="Lato" panose="020F0502020204030203" pitchFamily="34" charset="0"/>
        <a:ea typeface="+mn-ea"/>
        <a:cs typeface="+mn-cs"/>
      </a:defRPr>
    </a:lvl5pPr>
    <a:lvl6pPr marL="2548661" algn="l" defTabSz="1019465" rtl="0" eaLnBrk="1" latinLnBrk="0" hangingPunct="1">
      <a:defRPr sz="1338" kern="1200">
        <a:solidFill>
          <a:schemeClr val="tx1"/>
        </a:solidFill>
        <a:latin typeface="+mn-lt"/>
        <a:ea typeface="+mn-ea"/>
        <a:cs typeface="+mn-cs"/>
      </a:defRPr>
    </a:lvl6pPr>
    <a:lvl7pPr marL="3058394" algn="l" defTabSz="1019465" rtl="0" eaLnBrk="1" latinLnBrk="0" hangingPunct="1">
      <a:defRPr sz="1338" kern="1200">
        <a:solidFill>
          <a:schemeClr val="tx1"/>
        </a:solidFill>
        <a:latin typeface="+mn-lt"/>
        <a:ea typeface="+mn-ea"/>
        <a:cs typeface="+mn-cs"/>
      </a:defRPr>
    </a:lvl7pPr>
    <a:lvl8pPr marL="3568126" algn="l" defTabSz="1019465" rtl="0" eaLnBrk="1" latinLnBrk="0" hangingPunct="1">
      <a:defRPr sz="1338" kern="1200">
        <a:solidFill>
          <a:schemeClr val="tx1"/>
        </a:solidFill>
        <a:latin typeface="+mn-lt"/>
        <a:ea typeface="+mn-ea"/>
        <a:cs typeface="+mn-cs"/>
      </a:defRPr>
    </a:lvl8pPr>
    <a:lvl9pPr marL="4077858" algn="l" defTabSz="1019465" rtl="0" eaLnBrk="1" latinLnBrk="0" hangingPunct="1">
      <a:defRPr sz="1338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85725" y="481013"/>
            <a:ext cx="7456488" cy="41211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s-ES" dirty="0"/>
          </a:p>
        </p:txBody>
      </p:sp>
    </p:spTree>
    <p:extLst>
      <p:ext uri="{BB962C8B-B14F-4D97-AF65-F5344CB8AC3E}">
        <p14:creationId xmlns:p14="http://schemas.microsoft.com/office/powerpoint/2010/main" val="35274701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1939956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2858527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3213497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2865991643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560388" y="568325"/>
            <a:ext cx="7958137" cy="4398963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4572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tabLst/>
              <a:defRPr/>
            </a:pPr>
            <a:r>
              <a:rPr lang="en-US" b="0" i="0" dirty="0">
                <a:solidFill>
                  <a:srgbClr val="42484E"/>
                </a:solidFill>
                <a:effectLst/>
                <a:latin typeface="Roboto" panose="02000000000000000000" pitchFamily="2" charset="0"/>
              </a:rPr>
              <a:t>Here in this formula, we can see that immunization coverage is calculated by +dividing doses given--the numerator--by the target population--+the denominator--and multiplied by a +factor of 100 to get a percentage</a:t>
            </a:r>
            <a:r>
              <a:rPr lang="en-US" cap="none" dirty="0">
                <a:solidFill>
                  <a:srgbClr val="000000"/>
                </a:solidFill>
                <a:effectLst/>
                <a:latin typeface="Lato" panose="020B0604020202020204" charset="0"/>
                <a:cs typeface="Lato" panose="020B0604020202020204" charset="0"/>
                <a:sym typeface="Lato" panose="020B0604020202020204" charset="0"/>
              </a:rPr>
              <a:t>. 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5A9EAA7-6341-4A26-8261-213BB66666A9}" type="slidenum">
              <a:rPr lang="es-ES" smtClean="0"/>
              <a:t>34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59889018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560388" y="568325"/>
            <a:ext cx="7958137" cy="4398963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4572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tabLst/>
              <a:defRPr/>
            </a:pPr>
            <a:r>
              <a:rPr lang="en-US" b="0" i="0" dirty="0">
                <a:solidFill>
                  <a:srgbClr val="42484E"/>
                </a:solidFill>
                <a:effectLst/>
                <a:latin typeface="Roboto" panose="02000000000000000000" pitchFamily="2" charset="0"/>
              </a:rPr>
              <a:t>Here in this formula, we can see that immunization coverage is calculated by +dividing doses given--the numerator--by the target population--+the denominator--and multiplied by a +factor of 100 to get a percentage</a:t>
            </a:r>
            <a:r>
              <a:rPr lang="en-US" cap="none" dirty="0">
                <a:solidFill>
                  <a:srgbClr val="000000"/>
                </a:solidFill>
                <a:effectLst/>
                <a:latin typeface="Lato" panose="020B0604020202020204" charset="0"/>
                <a:cs typeface="Lato" panose="020B0604020202020204" charset="0"/>
                <a:sym typeface="Lato" panose="020B0604020202020204" charset="0"/>
              </a:rPr>
              <a:t>. 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5A9EAA7-6341-4A26-8261-213BB66666A9}" type="slidenum">
              <a:rPr lang="es-ES" smtClean="0"/>
              <a:t>35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53468330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560388" y="568325"/>
            <a:ext cx="7958137" cy="4398963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4572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tabLst/>
              <a:defRPr/>
            </a:pPr>
            <a:r>
              <a:rPr lang="en-US" b="0" i="0" dirty="0">
                <a:solidFill>
                  <a:srgbClr val="42484E"/>
                </a:solidFill>
                <a:effectLst/>
                <a:latin typeface="Roboto" panose="02000000000000000000" pitchFamily="2" charset="0"/>
              </a:rPr>
              <a:t>Here in this formula, we can see that immunization coverage is calculated by +dividing doses given--the numerator--by the target population--+the denominator--and multiplied by a +factor of 100 to get a percentage</a:t>
            </a:r>
            <a:r>
              <a:rPr lang="en-US" cap="none" dirty="0">
                <a:solidFill>
                  <a:srgbClr val="000000"/>
                </a:solidFill>
                <a:effectLst/>
                <a:latin typeface="Lato" panose="020B0604020202020204" charset="0"/>
                <a:cs typeface="Lato" panose="020B0604020202020204" charset="0"/>
                <a:sym typeface="Lato" panose="020B0604020202020204" charset="0"/>
              </a:rPr>
              <a:t>. 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5A9EAA7-6341-4A26-8261-213BB66666A9}" type="slidenum">
              <a:rPr lang="es-ES" smtClean="0"/>
              <a:t>36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0254287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560388" y="568325"/>
            <a:ext cx="7958137" cy="4398963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4572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tabLst/>
              <a:defRPr/>
            </a:pPr>
            <a:r>
              <a:rPr lang="en-US" b="0" i="0" dirty="0">
                <a:solidFill>
                  <a:srgbClr val="42484E"/>
                </a:solidFill>
                <a:effectLst/>
                <a:latin typeface="Roboto" panose="02000000000000000000" pitchFamily="2" charset="0"/>
              </a:rPr>
              <a:t>Here in this formula, we can see that immunization coverage is calculated by +dividing doses given--the numerator--by the target population--+the denominator--and multiplied by a +factor of 100 to get a percentage</a:t>
            </a:r>
            <a:r>
              <a:rPr lang="en-US" cap="none" dirty="0">
                <a:solidFill>
                  <a:srgbClr val="000000"/>
                </a:solidFill>
                <a:effectLst/>
                <a:latin typeface="Lato" panose="020B0604020202020204" charset="0"/>
                <a:cs typeface="Lato" panose="020B0604020202020204" charset="0"/>
                <a:sym typeface="Lato" panose="020B0604020202020204" charset="0"/>
              </a:rPr>
              <a:t>. 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5A9EAA7-6341-4A26-8261-213BB66666A9}" type="slidenum">
              <a:rPr lang="es-ES" smtClean="0"/>
              <a:t>37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1665378439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4256944659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427196847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121449832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2748269128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229890731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1052951126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560388" y="568325"/>
            <a:ext cx="7958137" cy="4398963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4572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tabLst/>
              <a:defRPr/>
            </a:pPr>
            <a:r>
              <a:rPr lang="en-US" b="0" i="0" dirty="0">
                <a:solidFill>
                  <a:srgbClr val="42484E"/>
                </a:solidFill>
                <a:effectLst/>
                <a:latin typeface="Roboto" panose="02000000000000000000" pitchFamily="2" charset="0"/>
              </a:rPr>
              <a:t>Here in this formula, we can see that immunization coverage is calculated by +dividing doses given--the numerator--by the target population--+the denominator--and multiplied by a +factor of 100 to get a percentage</a:t>
            </a:r>
            <a:r>
              <a:rPr lang="en-US" cap="none" dirty="0">
                <a:solidFill>
                  <a:srgbClr val="000000"/>
                </a:solidFill>
                <a:effectLst/>
                <a:latin typeface="Lato" panose="020B0604020202020204" charset="0"/>
                <a:cs typeface="Lato" panose="020B0604020202020204" charset="0"/>
                <a:sym typeface="Lato" panose="020B0604020202020204" charset="0"/>
              </a:rPr>
              <a:t>. 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5A9EAA7-6341-4A26-8261-213BB66666A9}" type="slidenum">
              <a:rPr lang="es-ES" smtClean="0"/>
              <a:t>43</a:t>
            </a:fld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28712134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6139635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2562500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397499284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435604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147098899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272709874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1763" y="477838"/>
            <a:ext cx="7459662" cy="412273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NO" dirty="0"/>
          </a:p>
        </p:txBody>
      </p:sp>
    </p:spTree>
    <p:extLst>
      <p:ext uri="{BB962C8B-B14F-4D97-AF65-F5344CB8AC3E}">
        <p14:creationId xmlns:p14="http://schemas.microsoft.com/office/powerpoint/2010/main" val="44212125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slideMaster" Target="../slideMasters/slideMaster1.xml"/><Relationship Id="rId2" Type="http://schemas.microsoft.com/office/2007/relationships/media" Target="../media/media1.mp3"/><Relationship Id="rId1" Type="http://schemas.openxmlformats.org/officeDocument/2006/relationships/audio" Target="NULL" TargetMode="External"/><Relationship Id="rId6" Type="http://schemas.openxmlformats.org/officeDocument/2006/relationships/image" Target="../media/image15.png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sv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sv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sv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slideMaster" Target="../slideMasters/slideMaster1.xml"/><Relationship Id="rId2" Type="http://schemas.microsoft.com/office/2007/relationships/media" Target="../media/media2.wav"/><Relationship Id="rId1" Type="http://schemas.openxmlformats.org/officeDocument/2006/relationships/audio" Target="NULL" TargetMode="External"/><Relationship Id="rId6" Type="http://schemas.openxmlformats.org/officeDocument/2006/relationships/image" Target="../media/image15.png"/><Relationship Id="rId5" Type="http://schemas.openxmlformats.org/officeDocument/2006/relationships/image" Target="../media/image16.png"/><Relationship Id="rId4" Type="http://schemas.openxmlformats.org/officeDocument/2006/relationships/image" Target="../media/image13.png"/></Relationships>
</file>

<file path=ppt/slideLayouts/_rels/slideLayout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6.svg"/><Relationship Id="rId3" Type="http://schemas.openxmlformats.org/officeDocument/2006/relationships/image" Target="../media/image1.png"/><Relationship Id="rId7" Type="http://schemas.openxmlformats.org/officeDocument/2006/relationships/image" Target="../media/image5.png"/><Relationship Id="rId12" Type="http://schemas.openxmlformats.org/officeDocument/2006/relationships/image" Target="../media/image10.sv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4.svg"/><Relationship Id="rId11" Type="http://schemas.openxmlformats.org/officeDocument/2006/relationships/image" Target="../media/image9.png"/><Relationship Id="rId5" Type="http://schemas.openxmlformats.org/officeDocument/2006/relationships/image" Target="../media/image3.png"/><Relationship Id="rId10" Type="http://schemas.openxmlformats.org/officeDocument/2006/relationships/image" Target="../media/image8.svg"/><Relationship Id="rId4" Type="http://schemas.openxmlformats.org/officeDocument/2006/relationships/image" Target="../media/image2.svg"/><Relationship Id="rId9" Type="http://schemas.openxmlformats.org/officeDocument/2006/relationships/image" Target="../media/image7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1.png"/><Relationship Id="rId4" Type="http://schemas.openxmlformats.org/officeDocument/2006/relationships/image" Target="../media/image20.png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sv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sv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sv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sv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svg"/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svg"/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>
            <a:extLst>
              <a:ext uri="{FF2B5EF4-FFF2-40B4-BE49-F238E27FC236}">
                <a16:creationId xmlns:a16="http://schemas.microsoft.com/office/drawing/2014/main" id="{B3A29FFD-DFBC-479A-BB51-3168E123D43B}"/>
              </a:ext>
            </a:extLst>
          </p:cNvPr>
          <p:cNvSpPr/>
          <p:nvPr userDrawn="1"/>
        </p:nvSpPr>
        <p:spPr>
          <a:xfrm>
            <a:off x="0" y="0"/>
            <a:ext cx="13679488" cy="755967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pic>
        <p:nvPicPr>
          <p:cNvPr id="1026" name="Picture 2">
            <a:extLst>
              <a:ext uri="{FF2B5EF4-FFF2-40B4-BE49-F238E27FC236}">
                <a16:creationId xmlns:a16="http://schemas.microsoft.com/office/drawing/2014/main" id="{BE89CC9A-6477-4301-AD90-4A57586D91F7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72176" y="3201902"/>
            <a:ext cx="3735141" cy="11173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Parallelogram 3">
            <a:extLst>
              <a:ext uri="{FF2B5EF4-FFF2-40B4-BE49-F238E27FC236}">
                <a16:creationId xmlns:a16="http://schemas.microsoft.com/office/drawing/2014/main" id="{DDE167AA-A118-4B9A-9BDC-D0798491C2DA}"/>
              </a:ext>
            </a:extLst>
          </p:cNvPr>
          <p:cNvSpPr/>
          <p:nvPr userDrawn="1"/>
        </p:nvSpPr>
        <p:spPr>
          <a:xfrm rot="2151550">
            <a:off x="-1776182" y="-4932586"/>
            <a:ext cx="18504911" cy="16360655"/>
          </a:xfrm>
          <a:prstGeom prst="rect">
            <a:avLst/>
          </a:prstGeom>
          <a:gradFill flip="none" rotWithShape="1">
            <a:gsLst>
              <a:gs pos="21000">
                <a:srgbClr val="018BD1"/>
              </a:gs>
              <a:gs pos="84000">
                <a:srgbClr val="1D5179"/>
              </a:gs>
            </a:gsLst>
            <a:path path="circle">
              <a:fillToRect l="100000" t="100000"/>
            </a:path>
            <a:tileRect r="-100000" b="-10000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pic>
        <p:nvPicPr>
          <p:cNvPr id="5" name="Picture 2">
            <a:extLst>
              <a:ext uri="{FF2B5EF4-FFF2-40B4-BE49-F238E27FC236}">
                <a16:creationId xmlns:a16="http://schemas.microsoft.com/office/drawing/2014/main" id="{57FC6EAC-AFC1-4DEC-93C3-44F153F2573B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70879" y="503976"/>
            <a:ext cx="1254045" cy="11217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>
            <a:extLst>
              <a:ext uri="{FF2B5EF4-FFF2-40B4-BE49-F238E27FC236}">
                <a16:creationId xmlns:a16="http://schemas.microsoft.com/office/drawing/2014/main" id="{DC444B9B-DCBF-4468-B32B-6C40450866C0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770880" y="2719263"/>
            <a:ext cx="11798558" cy="1056955"/>
          </a:xfrm>
        </p:spPr>
        <p:txBody>
          <a:bodyPr anchor="ctr"/>
          <a:lstStyle>
            <a:lvl1pPr>
              <a:defRPr sz="4400">
                <a:solidFill>
                  <a:schemeClr val="bg1"/>
                </a:solidFill>
                <a:latin typeface="Rubik Medium" pitchFamily="2" charset="-79"/>
                <a:cs typeface="Rubik Medium" pitchFamily="2" charset="-79"/>
              </a:defRPr>
            </a:lvl1pPr>
          </a:lstStyle>
          <a:p>
            <a:r>
              <a:rPr lang="en-US"/>
              <a:t>Lesson’s title</a:t>
            </a:r>
            <a:endParaRPr lang="es-ES"/>
          </a:p>
        </p:txBody>
      </p:sp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D3128A93-32C2-4310-A70B-A87F61E4A1A7}"/>
              </a:ext>
            </a:extLst>
          </p:cNvPr>
          <p:cNvSpPr>
            <a:spLocks noGrp="1"/>
          </p:cNvSpPr>
          <p:nvPr>
            <p:ph type="body" sz="quarter" idx="10" hasCustomPrompt="1"/>
          </p:nvPr>
        </p:nvSpPr>
        <p:spPr>
          <a:xfrm>
            <a:off x="771253" y="4047053"/>
            <a:ext cx="8937978" cy="752468"/>
          </a:xfrm>
          <a:prstGeom prst="rect">
            <a:avLst/>
          </a:prstGeom>
        </p:spPr>
        <p:txBody>
          <a:bodyPr anchor="ctr">
            <a:normAutofit/>
          </a:bodyPr>
          <a:lstStyle>
            <a:lvl1pPr>
              <a:defRPr sz="2800">
                <a:solidFill>
                  <a:schemeClr val="bg1"/>
                </a:solidFill>
              </a:defRPr>
            </a:lvl1pPr>
          </a:lstStyle>
          <a:p>
            <a:pPr lvl="0"/>
            <a:r>
              <a:rPr lang="en-US"/>
              <a:t>Course’s title</a:t>
            </a:r>
            <a:endParaRPr lang="es-ES"/>
          </a:p>
        </p:txBody>
      </p:sp>
      <p:pic>
        <p:nvPicPr>
          <p:cNvPr id="6" name="A Himitsu - Adventures [Argofox]">
            <a:hlinkClick r:id="" action="ppaction://media"/>
            <a:extLst>
              <a:ext uri="{FF2B5EF4-FFF2-40B4-BE49-F238E27FC236}">
                <a16:creationId xmlns:a16="http://schemas.microsoft.com/office/drawing/2014/main" id="{FB31B955-1CE5-4CC3-8810-06D12B4665FB}"/>
              </a:ext>
            </a:extLst>
          </p:cNvPr>
          <p:cNvPicPr>
            <a:picLocks noChangeAspect="1"/>
          </p:cNvPicPr>
          <p:nvPr userDrawn="1">
            <a:audioFile r:link="rId1"/>
            <p:extLst>
              <p:ext uri="{DAA4B4D4-6D71-4841-9C94-3DE7FCFB9230}">
                <p14:media xmlns:p14="http://schemas.microsoft.com/office/powerpoint/2010/main" r:embed="rId2">
                  <p14:trim end="211594.35"/>
                  <p14:fade out="2000"/>
                </p14:media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1380162" y="9059610"/>
            <a:ext cx="683974" cy="67197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026670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2000"/>
    </mc:Choice>
    <mc:Fallback xmlns="">
      <p:transition spd="slow" advClick="0" advTm="12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2693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" presetID="10" presetClass="entr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2" presetClass="entr" presetSubtype="6" fill="hold" grpId="0" nodeType="withEffect">
                                  <p:stCondLst>
                                    <p:cond delay="275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4" presetID="47" presetClass="entr" presetSubtype="0" fill="hold" nodeType="withEffect">
                                  <p:stCondLst>
                                    <p:cond delay="35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7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9" presetID="47" presetClass="entr" presetSubtype="0" fill="hold" grpId="0" nodeType="withEffect">
                                  <p:stCondLst>
                                    <p:cond delay="375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2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4" presetID="47" presetClass="entr" presetSubtype="0" fill="hold" grpId="0" nodeType="withEffect">
                                  <p:stCondLst>
                                    <p:cond delay="40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25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7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9" presetID="2" presetClass="exit" presetSubtype="9" fill="hold" grpId="1" nodeType="withEffect">
                                  <p:stCondLst>
                                    <p:cond delay="1175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30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0-ppt_w/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1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0-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nodeType="withEffect">
                                  <p:stCondLst>
                                    <p:cond delay="11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1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99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3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</p:childTnLst>
        </p:cTn>
      </p:par>
    </p:tnLst>
    <p:bldLst>
      <p:bldP spid="4" grpId="0" animBg="1"/>
      <p:bldP spid="4" grpId="1" animBg="1"/>
      <p:bldP spid="2" grpId="0"/>
      <p:bldP spid="8" grpId="0">
        <p:tmplLst>
          <p:tmpl>
            <p:tnLst>
              <p:par>
                <p:cTn presetID="47" presetClass="entr" presetSubtype="0" fill="hold" nodeType="withEffect">
                  <p:stCondLst>
                    <p:cond delay="4000"/>
                  </p:stCondLst>
                  <p:childTnLst>
                    <p:set>
                      <p:cBhvr>
                        <p:cTn dur="1" fill="hold">
                          <p:stCondLst>
                            <p:cond delay="0"/>
                          </p:stCondLst>
                        </p:cTn>
                        <p:tgtEl>
                          <p:spTgt spid="8"/>
                        </p:tgtEl>
                        <p:attrNameLst>
                          <p:attrName>style.visibility</p:attrName>
                        </p:attrNameLst>
                      </p:cBhvr>
                      <p:to>
                        <p:strVal val="visible"/>
                      </p:to>
                    </p:set>
                    <p:animEffect transition="in" filter="fade">
                      <p:cBhvr>
                        <p:cTn dur="250"/>
                        <p:tgtEl>
                          <p:spTgt spid="8"/>
                        </p:tgtEl>
                      </p:cBhvr>
                    </p:animEffect>
                    <p:anim calcmode="lin" valueType="num">
                      <p:cBhvr>
                        <p:cTn dur="250" fill="hold"/>
                        <p:tgtEl>
                          <p:spTgt spid="8"/>
                        </p:tgtEl>
                        <p:attrNameLst>
                          <p:attrName>ppt_x</p:attrName>
                        </p:attrNameLst>
                      </p:cBhvr>
                      <p:tavLst>
                        <p:tav tm="0">
                          <p:val>
                            <p:strVal val="#ppt_x"/>
                          </p:val>
                        </p:tav>
                        <p:tav tm="100000">
                          <p:val>
                            <p:strVal val="#ppt_x"/>
                          </p:val>
                        </p:tav>
                      </p:tavLst>
                    </p:anim>
                    <p:anim calcmode="lin" valueType="num">
                      <p:cBhvr>
                        <p:cTn dur="250" fill="hold"/>
                        <p:tgtEl>
                          <p:spTgt spid="8"/>
                        </p:tgtEl>
                        <p:attrNameLst>
                          <p:attrName>ppt_y</p:attrName>
                        </p:attrNameLst>
                      </p:cBhvr>
                      <p:tavLst>
                        <p:tav tm="0">
                          <p:val>
                            <p:strVal val="#ppt_y-.1"/>
                          </p:val>
                        </p:tav>
                        <p:tav tm="100000">
                          <p:val>
                            <p:strVal val="#ppt_y"/>
                          </p:val>
                        </p:tav>
                      </p:tavLst>
                    </p:anim>
                  </p:childTnLst>
                </p:cTn>
              </p:par>
            </p:tnLst>
          </p:tmpl>
        </p:tmplLst>
      </p:bldP>
    </p:bld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NIMATED Summar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2A0340AA-60CE-44EB-93B2-53370338CD91}"/>
              </a:ext>
            </a:extLst>
          </p:cNvPr>
          <p:cNvGrpSpPr/>
          <p:nvPr userDrawn="1"/>
        </p:nvGrpSpPr>
        <p:grpSpPr>
          <a:xfrm>
            <a:off x="12231016" y="548197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7" name="Graphic 6" descr="Clipboard Checked with solid fill">
              <a:extLst>
                <a:ext uri="{FF2B5EF4-FFF2-40B4-BE49-F238E27FC236}">
                  <a16:creationId xmlns:a16="http://schemas.microsoft.com/office/drawing/2014/main" id="{441B6AEF-6F8C-4017-B506-140E5A9B71B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"/>
                </a:ext>
              </a:extLst>
            </a:blip>
            <a:stretch>
              <a:fillRect/>
            </a:stretch>
          </p:blipFill>
          <p:spPr>
            <a:xfrm>
              <a:off x="10979083" y="594614"/>
              <a:ext cx="648573" cy="648573"/>
            </a:xfrm>
            <a:prstGeom prst="rect">
              <a:avLst/>
            </a:prstGeom>
          </p:spPr>
        </p:pic>
      </p:grpSp>
      <p:sp>
        <p:nvSpPr>
          <p:cNvPr id="9" name="Rectangle 8">
            <a:extLst>
              <a:ext uri="{FF2B5EF4-FFF2-40B4-BE49-F238E27FC236}">
                <a16:creationId xmlns:a16="http://schemas.microsoft.com/office/drawing/2014/main" id="{49C69068-B00E-4121-932A-BF8BAD1EDC1D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</p:spTree>
    <p:extLst>
      <p:ext uri="{BB962C8B-B14F-4D97-AF65-F5344CB8AC3E}">
        <p14:creationId xmlns:p14="http://schemas.microsoft.com/office/powerpoint/2010/main" val="23558710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2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3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7" dur="500" fill="hold"/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8" dur="500" fill="hold"/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2" grpId="0"/>
          <p:bldP spid="9" grpId="0" animBg="1"/>
        </p:bldLst>
      </p:timing>
    </mc:Choice>
    <mc:Fallback xmlns="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2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3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7" dur="500" fill="hold"/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8" dur="500" fill="hold"/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2" grpId="0"/>
          <p:bldP spid="9" grpId="0" animBg="1"/>
        </p:bldLst>
      </p:timing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ummar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2A0340AA-60CE-44EB-93B2-53370338CD91}"/>
              </a:ext>
            </a:extLst>
          </p:cNvPr>
          <p:cNvGrpSpPr/>
          <p:nvPr userDrawn="1"/>
        </p:nvGrpSpPr>
        <p:grpSpPr>
          <a:xfrm>
            <a:off x="12231016" y="548197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7" name="Graphic 6" descr="Clipboard Checked with solid fill">
              <a:extLst>
                <a:ext uri="{FF2B5EF4-FFF2-40B4-BE49-F238E27FC236}">
                  <a16:creationId xmlns:a16="http://schemas.microsoft.com/office/drawing/2014/main" id="{441B6AEF-6F8C-4017-B506-140E5A9B71B3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"/>
                </a:ext>
              </a:extLst>
            </a:blip>
            <a:stretch>
              <a:fillRect/>
            </a:stretch>
          </p:blipFill>
          <p:spPr>
            <a:xfrm>
              <a:off x="10979083" y="594614"/>
              <a:ext cx="648573" cy="648573"/>
            </a:xfrm>
            <a:prstGeom prst="rect">
              <a:avLst/>
            </a:prstGeom>
          </p:spPr>
        </p:pic>
      </p:grpSp>
      <p:sp>
        <p:nvSpPr>
          <p:cNvPr id="9" name="Rectangle 8">
            <a:extLst>
              <a:ext uri="{FF2B5EF4-FFF2-40B4-BE49-F238E27FC236}">
                <a16:creationId xmlns:a16="http://schemas.microsoft.com/office/drawing/2014/main" id="{49C69068-B00E-4121-932A-BF8BAD1EDC1D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</p:spTree>
    <p:extLst>
      <p:ext uri="{BB962C8B-B14F-4D97-AF65-F5344CB8AC3E}">
        <p14:creationId xmlns:p14="http://schemas.microsoft.com/office/powerpoint/2010/main" val="188007910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Ques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rgbClr val="008CC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9D25EE8A-1DD1-454A-A7F1-351738CE5676}"/>
              </a:ext>
            </a:extLst>
          </p:cNvPr>
          <p:cNvGrpSpPr/>
          <p:nvPr userDrawn="1"/>
        </p:nvGrpSpPr>
        <p:grpSpPr>
          <a:xfrm>
            <a:off x="12231016" y="569416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9" name="Graphic 8" descr="Question Mark with solid fill">
              <a:extLst>
                <a:ext uri="{FF2B5EF4-FFF2-40B4-BE49-F238E27FC236}">
                  <a16:creationId xmlns:a16="http://schemas.microsoft.com/office/drawing/2014/main" id="{2827B930-9DC2-46A5-83EF-8DEE2A1C872F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"/>
                </a:ext>
              </a:extLst>
            </a:blip>
            <a:stretch>
              <a:fillRect/>
            </a:stretch>
          </p:blipFill>
          <p:spPr>
            <a:xfrm>
              <a:off x="11017470" y="633001"/>
              <a:ext cx="571799" cy="571799"/>
            </a:xfrm>
            <a:prstGeom prst="rect">
              <a:avLst/>
            </a:prstGeom>
          </p:spPr>
        </p:pic>
      </p:grpSp>
      <p:sp>
        <p:nvSpPr>
          <p:cNvPr id="7" name="Rectangle 6">
            <a:extLst>
              <a:ext uri="{FF2B5EF4-FFF2-40B4-BE49-F238E27FC236}">
                <a16:creationId xmlns:a16="http://schemas.microsoft.com/office/drawing/2014/main" id="{DC97A73B-6CE5-4C86-AD4D-8D6124E5DD31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</p:spTree>
    <p:extLst>
      <p:ext uri="{BB962C8B-B14F-4D97-AF65-F5344CB8AC3E}">
        <p14:creationId xmlns:p14="http://schemas.microsoft.com/office/powerpoint/2010/main" val="8021988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85B147F8-73C9-4374-A415-FD575123A9DE}"/>
              </a:ext>
            </a:extLst>
          </p:cNvPr>
          <p:cNvSpPr/>
          <p:nvPr userDrawn="1"/>
        </p:nvSpPr>
        <p:spPr>
          <a:xfrm>
            <a:off x="-131225" y="545977"/>
            <a:ext cx="11459553" cy="881962"/>
          </a:xfrm>
          <a:prstGeom prst="roundRect">
            <a:avLst>
              <a:gd name="adj" fmla="val 7788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89528460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OC 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D8AD1FB-0A79-459A-AFA3-510831A3B95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40465" y="801467"/>
            <a:ext cx="11798558" cy="402484"/>
          </a:xfrm>
        </p:spPr>
        <p:txBody>
          <a:bodyPr lIns="0" rIns="0"/>
          <a:lstStyle>
            <a:lvl1pPr>
              <a:defRPr sz="3600"/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63458B3-16C2-4C10-80D6-5898A62D331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940468" y="2012419"/>
            <a:ext cx="5297239" cy="3519099"/>
          </a:xfrm>
          <a:prstGeom prst="rect">
            <a:avLst/>
          </a:prstGeom>
        </p:spPr>
        <p:txBody>
          <a:bodyPr lIns="0" rIns="0"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pic>
        <p:nvPicPr>
          <p:cNvPr id="7" name="Google Shape;14;p2">
            <a:extLst>
              <a:ext uri="{FF2B5EF4-FFF2-40B4-BE49-F238E27FC236}">
                <a16:creationId xmlns:a16="http://schemas.microsoft.com/office/drawing/2014/main" id="{2B7A2365-60BB-42BC-80C8-CFF69BB96BE3}"/>
              </a:ext>
            </a:extLst>
          </p:cNvPr>
          <p:cNvPicPr preferRelativeResize="0"/>
          <p:nvPr/>
        </p:nvPicPr>
        <p:blipFill rotWithShape="1">
          <a:blip r:embed="rId2">
            <a:alphaModFix/>
          </a:blip>
          <a:srcRect/>
          <a:stretch/>
        </p:blipFill>
        <p:spPr>
          <a:xfrm>
            <a:off x="11888218" y="150494"/>
            <a:ext cx="1450376" cy="433871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701686113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ummary2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64173922-56A9-47AB-9266-779201781156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1839963" y="1918654"/>
            <a:ext cx="10098305" cy="4528069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s-ES"/>
          </a:p>
        </p:txBody>
      </p:sp>
      <p:sp>
        <p:nvSpPr>
          <p:cNvPr id="9" name="Freeform: Shape 8">
            <a:extLst>
              <a:ext uri="{FF2B5EF4-FFF2-40B4-BE49-F238E27FC236}">
                <a16:creationId xmlns:a16="http://schemas.microsoft.com/office/drawing/2014/main" id="{2ABEF37F-1FC5-42C1-90D9-9842BF8FCA9E}"/>
              </a:ext>
            </a:extLst>
          </p:cNvPr>
          <p:cNvSpPr/>
          <p:nvPr userDrawn="1"/>
        </p:nvSpPr>
        <p:spPr>
          <a:xfrm>
            <a:off x="-9908" y="796951"/>
            <a:ext cx="8524743" cy="633474"/>
          </a:xfrm>
          <a:custGeom>
            <a:avLst/>
            <a:gdLst>
              <a:gd name="connsiteX0" fmla="*/ 7065961 w 7597775"/>
              <a:gd name="connsiteY0" fmla="*/ 0 h 574676"/>
              <a:gd name="connsiteX1" fmla="*/ 7331868 w 7597775"/>
              <a:gd name="connsiteY1" fmla="*/ 0 h 574676"/>
              <a:gd name="connsiteX2" fmla="*/ 7597775 w 7597775"/>
              <a:gd name="connsiteY2" fmla="*/ 287338 h 574676"/>
              <a:gd name="connsiteX3" fmla="*/ 7331868 w 7597775"/>
              <a:gd name="connsiteY3" fmla="*/ 574676 h 574676"/>
              <a:gd name="connsiteX4" fmla="*/ 7065961 w 7597775"/>
              <a:gd name="connsiteY4" fmla="*/ 574676 h 574676"/>
              <a:gd name="connsiteX5" fmla="*/ 0 w 7597775"/>
              <a:gd name="connsiteY5" fmla="*/ 0 h 574676"/>
              <a:gd name="connsiteX6" fmla="*/ 7065960 w 7597775"/>
              <a:gd name="connsiteY6" fmla="*/ 0 h 574676"/>
              <a:gd name="connsiteX7" fmla="*/ 7065960 w 7597775"/>
              <a:gd name="connsiteY7" fmla="*/ 574676 h 574676"/>
              <a:gd name="connsiteX8" fmla="*/ 0 w 7597775"/>
              <a:gd name="connsiteY8" fmla="*/ 574676 h 57467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7597775" h="574676">
                <a:moveTo>
                  <a:pt x="7065961" y="0"/>
                </a:moveTo>
                <a:lnTo>
                  <a:pt x="7331868" y="0"/>
                </a:lnTo>
                <a:cubicBezTo>
                  <a:pt x="7478724" y="0"/>
                  <a:pt x="7597775" y="128646"/>
                  <a:pt x="7597775" y="287338"/>
                </a:cubicBezTo>
                <a:cubicBezTo>
                  <a:pt x="7597775" y="446030"/>
                  <a:pt x="7478724" y="574676"/>
                  <a:pt x="7331868" y="574676"/>
                </a:cubicBezTo>
                <a:lnTo>
                  <a:pt x="7065961" y="574676"/>
                </a:lnTo>
                <a:close/>
                <a:moveTo>
                  <a:pt x="0" y="0"/>
                </a:moveTo>
                <a:lnTo>
                  <a:pt x="7065960" y="0"/>
                </a:lnTo>
                <a:lnTo>
                  <a:pt x="7065960" y="574676"/>
                </a:lnTo>
                <a:lnTo>
                  <a:pt x="0" y="574676"/>
                </a:lnTo>
                <a:close/>
              </a:path>
            </a:pathLst>
          </a:cu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rtlCol="0" anchor="ctr">
            <a:noAutofit/>
          </a:bodyPr>
          <a:lstStyle/>
          <a:p>
            <a:pPr algn="ctr"/>
            <a:endParaRPr lang="es-ES" sz="1800"/>
          </a:p>
        </p:txBody>
      </p:sp>
      <p:sp>
        <p:nvSpPr>
          <p:cNvPr id="11" name="Title 10">
            <a:extLst>
              <a:ext uri="{FF2B5EF4-FFF2-40B4-BE49-F238E27FC236}">
                <a16:creationId xmlns:a16="http://schemas.microsoft.com/office/drawing/2014/main" id="{34B267F5-D41C-4BE4-B465-0FD2D0BD51B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20872" y="735151"/>
            <a:ext cx="7372317" cy="695274"/>
          </a:xfrm>
        </p:spPr>
        <p:txBody>
          <a:bodyPr anchor="ctr"/>
          <a:lstStyle>
            <a:lvl1pPr>
              <a:defRPr sz="2800"/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10" name="Oval 9">
            <a:extLst>
              <a:ext uri="{FF2B5EF4-FFF2-40B4-BE49-F238E27FC236}">
                <a16:creationId xmlns:a16="http://schemas.microsoft.com/office/drawing/2014/main" id="{4E56CC63-8D2E-436C-9F55-BD1D69232E45}"/>
              </a:ext>
            </a:extLst>
          </p:cNvPr>
          <p:cNvSpPr/>
          <p:nvPr userDrawn="1"/>
        </p:nvSpPr>
        <p:spPr>
          <a:xfrm>
            <a:off x="12231016" y="569416"/>
            <a:ext cx="902846" cy="887002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pic>
        <p:nvPicPr>
          <p:cNvPr id="13" name="Graphic 12" descr="Clipboard Checked with solid fill">
            <a:extLst>
              <a:ext uri="{FF2B5EF4-FFF2-40B4-BE49-F238E27FC236}">
                <a16:creationId xmlns:a16="http://schemas.microsoft.com/office/drawing/2014/main" id="{F2297D9F-A7EA-4772-8751-7C08BE39E0A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2318592" y="655457"/>
            <a:ext cx="727702" cy="71493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1352766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u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>
            <a:extLst>
              <a:ext uri="{FF2B5EF4-FFF2-40B4-BE49-F238E27FC236}">
                <a16:creationId xmlns:a16="http://schemas.microsoft.com/office/drawing/2014/main" id="{BE89CC9A-6477-4301-AD90-4A57586D91F7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18729" y="3449344"/>
            <a:ext cx="2209558" cy="66098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2" descr="University of oslo Logos">
            <a:extLst>
              <a:ext uri="{FF2B5EF4-FFF2-40B4-BE49-F238E27FC236}">
                <a16:creationId xmlns:a16="http://schemas.microsoft.com/office/drawing/2014/main" id="{16BD8AE6-11A5-46CC-BE7B-0270F8263D0B}"/>
              </a:ext>
            </a:extLst>
          </p:cNvPr>
          <p:cNvPicPr>
            <a:picLocks noChangeAspect="1" noChangeArrowheads="1"/>
          </p:cNvPicPr>
          <p:nvPr userDrawn="1"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75621" y="3401280"/>
            <a:ext cx="4552705" cy="7571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57F7454A-44F9-4016-8D9E-BE7C1FB565E9}"/>
              </a:ext>
            </a:extLst>
          </p:cNvPr>
          <p:cNvSpPr txBox="1"/>
          <p:nvPr userDrawn="1"/>
        </p:nvSpPr>
        <p:spPr>
          <a:xfrm>
            <a:off x="4451178" y="6257731"/>
            <a:ext cx="477713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ctr">
              <a:buClr>
                <a:srgbClr val="008CCF"/>
              </a:buClr>
              <a:buFont typeface="Rubik" pitchFamily="2" charset="-79"/>
              <a:buNone/>
            </a:pPr>
            <a:r>
              <a:rPr lang="es-ES" sz="2000">
                <a:solidFill>
                  <a:schemeClr val="accent1">
                    <a:lumMod val="50000"/>
                  </a:schemeClr>
                </a:solidFill>
              </a:rPr>
              <a:t>www.dhis2.org/academy </a:t>
            </a:r>
          </a:p>
        </p:txBody>
      </p:sp>
      <p:pic>
        <p:nvPicPr>
          <p:cNvPr id="2" name="Ikson - Alive (Tropical House_Chill)">
            <a:hlinkClick r:id="" action="ppaction://media"/>
            <a:extLst>
              <a:ext uri="{FF2B5EF4-FFF2-40B4-BE49-F238E27FC236}">
                <a16:creationId xmlns:a16="http://schemas.microsoft.com/office/drawing/2014/main" id="{D5EDA291-2146-4DF2-86F0-8509CFFCD369}"/>
              </a:ext>
            </a:extLst>
          </p:cNvPr>
          <p:cNvPicPr>
            <a:picLocks noChangeAspect="1"/>
          </p:cNvPicPr>
          <p:nvPr userDrawn="1">
            <a:audioFile r:link="rId1"/>
            <p:extLst>
              <p:ext uri="{DAA4B4D4-6D71-4841-9C94-3DE7FCFB9230}">
                <p14:media xmlns:p14="http://schemas.microsoft.com/office/powerpoint/2010/main" r:embed="rId2">
                  <p14:trim st="180000"/>
                  <p14:fade out="2000"/>
                </p14:media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-341987" y="8047356"/>
            <a:ext cx="683974" cy="67197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30231077"/>
      </p:ext>
    </p:extLst>
  </p:cSld>
  <p:clrMapOvr>
    <a:masterClrMapping/>
  </p:clrMapOvr>
  <p:transition>
    <p:strips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grpId="0" nodeType="withEffect">
                                  <p:stCondLst>
                                    <p:cond delay="3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100000">
                <p:cTn id="10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  <p:bldLst>
      <p:bldP spid="7" grpId="0"/>
    </p:bld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Box 7">
            <a:extLst>
              <a:ext uri="{FF2B5EF4-FFF2-40B4-BE49-F238E27FC236}">
                <a16:creationId xmlns:a16="http://schemas.microsoft.com/office/drawing/2014/main" id="{FA46C0DD-2135-4267-BCA4-3E44A12D29E0}"/>
              </a:ext>
            </a:extLst>
          </p:cNvPr>
          <p:cNvSpPr txBox="1"/>
          <p:nvPr/>
        </p:nvSpPr>
        <p:spPr>
          <a:xfrm>
            <a:off x="0" y="209992"/>
            <a:ext cx="13679488" cy="369332"/>
          </a:xfrm>
          <a:prstGeom prst="rect">
            <a:avLst/>
          </a:prstGeom>
          <a:solidFill>
            <a:schemeClr val="bg2"/>
          </a:solidFill>
        </p:spPr>
        <p:txBody>
          <a:bodyPr wrap="square" rtlCol="0">
            <a:spAutoFit/>
          </a:bodyPr>
          <a:lstStyle/>
          <a:p>
            <a:pPr algn="ctr"/>
            <a:r>
              <a:rPr lang="es-ES" sz="1800">
                <a:latin typeface="Rubik Medium" pitchFamily="2" charset="-79"/>
                <a:cs typeface="Rubik Medium" pitchFamily="2" charset="-79"/>
              </a:rPr>
              <a:t>GRAPHIC ELEMENTS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8134A26A-D8DB-45B4-934E-D2C30EB9ADC3}"/>
              </a:ext>
            </a:extLst>
          </p:cNvPr>
          <p:cNvSpPr txBox="1"/>
          <p:nvPr/>
        </p:nvSpPr>
        <p:spPr>
          <a:xfrm>
            <a:off x="149619" y="839968"/>
            <a:ext cx="566416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 b="1"/>
              <a:t>Fonts</a:t>
            </a:r>
            <a:r>
              <a:rPr lang="es-ES" sz="1200"/>
              <a:t>: Rubik</a:t>
            </a:r>
          </a:p>
          <a:p>
            <a:r>
              <a:rPr lang="es-ES" sz="1200" b="1"/>
              <a:t>Theme</a:t>
            </a:r>
            <a:r>
              <a:rPr lang="es-ES" sz="1200"/>
              <a:t> Color Palette:</a:t>
            </a:r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C0139DB3-38E4-432C-A4AA-4FF9231983FA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49621" y="1450203"/>
            <a:ext cx="2184454" cy="1719405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EA60D096-698F-4D3E-9578-D43A899E39A2}"/>
              </a:ext>
            </a:extLst>
          </p:cNvPr>
          <p:cNvSpPr txBox="1"/>
          <p:nvPr/>
        </p:nvSpPr>
        <p:spPr>
          <a:xfrm>
            <a:off x="149621" y="3270942"/>
            <a:ext cx="325956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 b="1"/>
              <a:t>Icons source: </a:t>
            </a:r>
            <a:r>
              <a:rPr lang="es-ES" sz="1200" b="0"/>
              <a:t>PPT (Insert → Icons)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7CBC103B-FF5D-476D-8690-155C30CA8875}"/>
              </a:ext>
            </a:extLst>
          </p:cNvPr>
          <p:cNvSpPr txBox="1"/>
          <p:nvPr userDrawn="1"/>
        </p:nvSpPr>
        <p:spPr>
          <a:xfrm>
            <a:off x="149620" y="3576282"/>
            <a:ext cx="325956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 b="1"/>
              <a:t>Banners: </a:t>
            </a:r>
            <a:endParaRPr lang="es-ES" sz="1200" b="0"/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9092F502-BFB8-4830-B271-4A10673134A0}"/>
              </a:ext>
            </a:extLst>
          </p:cNvPr>
          <p:cNvSpPr txBox="1"/>
          <p:nvPr userDrawn="1"/>
        </p:nvSpPr>
        <p:spPr>
          <a:xfrm>
            <a:off x="3588124" y="839969"/>
            <a:ext cx="182397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 b="1"/>
              <a:t>Transitions: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Fade 0.25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Morph 0.50 </a:t>
            </a: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2B1E925A-14F1-4AD6-A065-A8C2310310D4}"/>
              </a:ext>
            </a:extLst>
          </p:cNvPr>
          <p:cNvSpPr txBox="1"/>
          <p:nvPr userDrawn="1"/>
        </p:nvSpPr>
        <p:spPr>
          <a:xfrm>
            <a:off x="3485983" y="2507940"/>
            <a:ext cx="325956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 b="1"/>
              <a:t>Animations: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Fade /out 0.25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Zoom /out 0.25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Fly in /out 0.50 – Bounce 0.20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Peek /out 0.25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Wipe /out 0.25</a:t>
            </a:r>
          </a:p>
        </p:txBody>
      </p:sp>
      <p:sp>
        <p:nvSpPr>
          <p:cNvPr id="29" name="TextBox 28">
            <a:extLst>
              <a:ext uri="{FF2B5EF4-FFF2-40B4-BE49-F238E27FC236}">
                <a16:creationId xmlns:a16="http://schemas.microsoft.com/office/drawing/2014/main" id="{6B5045CC-CC84-46C0-8459-715557BE0774}"/>
              </a:ext>
            </a:extLst>
          </p:cNvPr>
          <p:cNvSpPr txBox="1"/>
          <p:nvPr userDrawn="1"/>
        </p:nvSpPr>
        <p:spPr>
          <a:xfrm>
            <a:off x="3505157" y="1801003"/>
            <a:ext cx="32595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 b="1"/>
              <a:t>Transcripts: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Use the notes to write the script</a:t>
            </a:r>
          </a:p>
        </p:txBody>
      </p:sp>
      <p:grpSp>
        <p:nvGrpSpPr>
          <p:cNvPr id="14" name="Group 13">
            <a:extLst>
              <a:ext uri="{FF2B5EF4-FFF2-40B4-BE49-F238E27FC236}">
                <a16:creationId xmlns:a16="http://schemas.microsoft.com/office/drawing/2014/main" id="{034A9F37-71D8-4136-8AD6-3BA73490BAF9}"/>
              </a:ext>
            </a:extLst>
          </p:cNvPr>
          <p:cNvGrpSpPr/>
          <p:nvPr userDrawn="1"/>
        </p:nvGrpSpPr>
        <p:grpSpPr>
          <a:xfrm>
            <a:off x="829906" y="6225737"/>
            <a:ext cx="974307" cy="1153124"/>
            <a:chOff x="5435963" y="4261895"/>
            <a:chExt cx="868362" cy="1046093"/>
          </a:xfrm>
        </p:grpSpPr>
        <p:sp>
          <p:nvSpPr>
            <p:cNvPr id="38" name="TextBox 37">
              <a:extLst>
                <a:ext uri="{FF2B5EF4-FFF2-40B4-BE49-F238E27FC236}">
                  <a16:creationId xmlns:a16="http://schemas.microsoft.com/office/drawing/2014/main" id="{AF3D0A78-4F5E-4FA9-8593-24FCB657CFD4}"/>
                </a:ext>
              </a:extLst>
            </p:cNvPr>
            <p:cNvSpPr txBox="1"/>
            <p:nvPr userDrawn="1"/>
          </p:nvSpPr>
          <p:spPr>
            <a:xfrm>
              <a:off x="5435963" y="5084621"/>
              <a:ext cx="868362" cy="22336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s-ES" sz="1000"/>
                <a:t>Question</a:t>
              </a:r>
            </a:p>
          </p:txBody>
        </p:sp>
        <p:grpSp>
          <p:nvGrpSpPr>
            <p:cNvPr id="58" name="Group 57">
              <a:extLst>
                <a:ext uri="{FF2B5EF4-FFF2-40B4-BE49-F238E27FC236}">
                  <a16:creationId xmlns:a16="http://schemas.microsoft.com/office/drawing/2014/main" id="{CEC7C0C9-5CB1-4D45-90C6-411E65BDF281}"/>
                </a:ext>
              </a:extLst>
            </p:cNvPr>
            <p:cNvGrpSpPr/>
            <p:nvPr userDrawn="1"/>
          </p:nvGrpSpPr>
          <p:grpSpPr>
            <a:xfrm>
              <a:off x="5467808" y="4261895"/>
              <a:ext cx="804672" cy="804672"/>
              <a:chOff x="10901033" y="516564"/>
              <a:chExt cx="804672" cy="804672"/>
            </a:xfrm>
          </p:grpSpPr>
          <p:sp>
            <p:nvSpPr>
              <p:cNvPr id="59" name="Oval 58">
                <a:extLst>
                  <a:ext uri="{FF2B5EF4-FFF2-40B4-BE49-F238E27FC236}">
                    <a16:creationId xmlns:a16="http://schemas.microsoft.com/office/drawing/2014/main" id="{2E46AFBA-3A7F-4845-8C1D-B39509287477}"/>
                  </a:ext>
                </a:extLst>
              </p:cNvPr>
              <p:cNvSpPr/>
              <p:nvPr userDrawn="1"/>
            </p:nvSpPr>
            <p:spPr>
              <a:xfrm>
                <a:off x="10901033" y="516564"/>
                <a:ext cx="804672" cy="804672"/>
              </a:xfrm>
              <a:prstGeom prst="ellipse">
                <a:avLst/>
              </a:prstGeom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s-ES" sz="1800"/>
              </a:p>
            </p:txBody>
          </p:sp>
          <p:pic>
            <p:nvPicPr>
              <p:cNvPr id="60" name="Graphic 59" descr="Question Mark with solid fill">
                <a:extLst>
                  <a:ext uri="{FF2B5EF4-FFF2-40B4-BE49-F238E27FC236}">
                    <a16:creationId xmlns:a16="http://schemas.microsoft.com/office/drawing/2014/main" id="{F8159E3A-1AAF-4C1B-A961-C32F38EC6D5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3" cstate="hqprint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4"/>
                  </a:ext>
                </a:extLst>
              </a:blip>
              <a:stretch>
                <a:fillRect/>
              </a:stretch>
            </p:blipFill>
            <p:spPr>
              <a:xfrm>
                <a:off x="11017470" y="633001"/>
                <a:ext cx="571799" cy="571799"/>
              </a:xfrm>
              <a:prstGeom prst="rect">
                <a:avLst/>
              </a:prstGeom>
            </p:spPr>
          </p:pic>
        </p:grpSp>
      </p:grpSp>
      <p:grpSp>
        <p:nvGrpSpPr>
          <p:cNvPr id="13" name="Group 12">
            <a:extLst>
              <a:ext uri="{FF2B5EF4-FFF2-40B4-BE49-F238E27FC236}">
                <a16:creationId xmlns:a16="http://schemas.microsoft.com/office/drawing/2014/main" id="{B47B7FAB-1329-47FB-A4C0-15923940E7B7}"/>
              </a:ext>
            </a:extLst>
          </p:cNvPr>
          <p:cNvGrpSpPr/>
          <p:nvPr userDrawn="1"/>
        </p:nvGrpSpPr>
        <p:grpSpPr>
          <a:xfrm>
            <a:off x="1910151" y="6225737"/>
            <a:ext cx="974307" cy="1153124"/>
            <a:chOff x="4397165" y="4261895"/>
            <a:chExt cx="868362" cy="1046093"/>
          </a:xfrm>
        </p:grpSpPr>
        <p:sp>
          <p:nvSpPr>
            <p:cNvPr id="34" name="TextBox 33">
              <a:extLst>
                <a:ext uri="{FF2B5EF4-FFF2-40B4-BE49-F238E27FC236}">
                  <a16:creationId xmlns:a16="http://schemas.microsoft.com/office/drawing/2014/main" id="{670B7CC5-40E2-4CFF-BAD1-3150B35F7816}"/>
                </a:ext>
              </a:extLst>
            </p:cNvPr>
            <p:cNvSpPr txBox="1"/>
            <p:nvPr userDrawn="1"/>
          </p:nvSpPr>
          <p:spPr>
            <a:xfrm>
              <a:off x="4397165" y="5084621"/>
              <a:ext cx="868362" cy="22336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s-ES" sz="1000"/>
                <a:t>Summary</a:t>
              </a:r>
            </a:p>
          </p:txBody>
        </p:sp>
        <p:grpSp>
          <p:nvGrpSpPr>
            <p:cNvPr id="61" name="Group 60">
              <a:extLst>
                <a:ext uri="{FF2B5EF4-FFF2-40B4-BE49-F238E27FC236}">
                  <a16:creationId xmlns:a16="http://schemas.microsoft.com/office/drawing/2014/main" id="{BE7B23B7-978E-4105-A504-B99CAB491982}"/>
                </a:ext>
              </a:extLst>
            </p:cNvPr>
            <p:cNvGrpSpPr/>
            <p:nvPr userDrawn="1"/>
          </p:nvGrpSpPr>
          <p:grpSpPr>
            <a:xfrm>
              <a:off x="4429010" y="4261895"/>
              <a:ext cx="804672" cy="804672"/>
              <a:chOff x="10901033" y="516564"/>
              <a:chExt cx="804672" cy="804672"/>
            </a:xfrm>
          </p:grpSpPr>
          <p:sp>
            <p:nvSpPr>
              <p:cNvPr id="62" name="Oval 61">
                <a:extLst>
                  <a:ext uri="{FF2B5EF4-FFF2-40B4-BE49-F238E27FC236}">
                    <a16:creationId xmlns:a16="http://schemas.microsoft.com/office/drawing/2014/main" id="{035D4883-79AD-4883-A8DF-F8E6DF6C2EC8}"/>
                  </a:ext>
                </a:extLst>
              </p:cNvPr>
              <p:cNvSpPr/>
              <p:nvPr userDrawn="1"/>
            </p:nvSpPr>
            <p:spPr>
              <a:xfrm>
                <a:off x="10901033" y="516564"/>
                <a:ext cx="804672" cy="804672"/>
              </a:xfrm>
              <a:prstGeom prst="ellipse">
                <a:avLst/>
              </a:prstGeom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s-ES" sz="1800"/>
              </a:p>
            </p:txBody>
          </p:sp>
          <p:pic>
            <p:nvPicPr>
              <p:cNvPr id="63" name="Graphic 62" descr="Clipboard Checked with solid fill">
                <a:extLst>
                  <a:ext uri="{FF2B5EF4-FFF2-40B4-BE49-F238E27FC236}">
                    <a16:creationId xmlns:a16="http://schemas.microsoft.com/office/drawing/2014/main" id="{04C4EDA1-E305-4BA8-9AE6-A9FF9DC37873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5" cstate="hqprint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6"/>
                  </a:ext>
                </a:extLst>
              </a:blip>
              <a:stretch>
                <a:fillRect/>
              </a:stretch>
            </p:blipFill>
            <p:spPr>
              <a:xfrm>
                <a:off x="10979083" y="594614"/>
                <a:ext cx="648573" cy="648573"/>
              </a:xfrm>
              <a:prstGeom prst="rect">
                <a:avLst/>
              </a:prstGeom>
            </p:spPr>
          </p:pic>
        </p:grpSp>
      </p:grpSp>
      <p:grpSp>
        <p:nvGrpSpPr>
          <p:cNvPr id="7" name="Group 6">
            <a:extLst>
              <a:ext uri="{FF2B5EF4-FFF2-40B4-BE49-F238E27FC236}">
                <a16:creationId xmlns:a16="http://schemas.microsoft.com/office/drawing/2014/main" id="{FA225EF2-9C71-41E3-AE2B-FA3FC8CEE83D}"/>
              </a:ext>
            </a:extLst>
          </p:cNvPr>
          <p:cNvGrpSpPr/>
          <p:nvPr userDrawn="1"/>
        </p:nvGrpSpPr>
        <p:grpSpPr>
          <a:xfrm>
            <a:off x="2454564" y="4697954"/>
            <a:ext cx="1197238" cy="1153124"/>
            <a:chOff x="2187657" y="4261895"/>
            <a:chExt cx="1067052" cy="1046093"/>
          </a:xfrm>
        </p:grpSpPr>
        <p:sp>
          <p:nvSpPr>
            <p:cNvPr id="25" name="TextBox 24">
              <a:extLst>
                <a:ext uri="{FF2B5EF4-FFF2-40B4-BE49-F238E27FC236}">
                  <a16:creationId xmlns:a16="http://schemas.microsoft.com/office/drawing/2014/main" id="{EE098415-EB54-48A9-84D0-24D1F751CE93}"/>
                </a:ext>
              </a:extLst>
            </p:cNvPr>
            <p:cNvSpPr txBox="1"/>
            <p:nvPr userDrawn="1"/>
          </p:nvSpPr>
          <p:spPr>
            <a:xfrm>
              <a:off x="2187657" y="5084621"/>
              <a:ext cx="1067052" cy="22336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s-ES" sz="1000"/>
                <a:t>Demonstration </a:t>
              </a:r>
            </a:p>
          </p:txBody>
        </p:sp>
        <p:grpSp>
          <p:nvGrpSpPr>
            <p:cNvPr id="64" name="Group 63">
              <a:extLst>
                <a:ext uri="{FF2B5EF4-FFF2-40B4-BE49-F238E27FC236}">
                  <a16:creationId xmlns:a16="http://schemas.microsoft.com/office/drawing/2014/main" id="{3554E73F-A767-4AFD-9B93-63DF23FEF9A0}"/>
                </a:ext>
              </a:extLst>
            </p:cNvPr>
            <p:cNvGrpSpPr/>
            <p:nvPr userDrawn="1"/>
          </p:nvGrpSpPr>
          <p:grpSpPr>
            <a:xfrm>
              <a:off x="2302248" y="4261895"/>
              <a:ext cx="804672" cy="804672"/>
              <a:chOff x="10901033" y="516564"/>
              <a:chExt cx="804672" cy="804672"/>
            </a:xfrm>
          </p:grpSpPr>
          <p:sp>
            <p:nvSpPr>
              <p:cNvPr id="65" name="Oval 64">
                <a:extLst>
                  <a:ext uri="{FF2B5EF4-FFF2-40B4-BE49-F238E27FC236}">
                    <a16:creationId xmlns:a16="http://schemas.microsoft.com/office/drawing/2014/main" id="{2378C6C0-49E3-4323-A283-FC523D59DDE4}"/>
                  </a:ext>
                </a:extLst>
              </p:cNvPr>
              <p:cNvSpPr/>
              <p:nvPr userDrawn="1"/>
            </p:nvSpPr>
            <p:spPr>
              <a:xfrm>
                <a:off x="10901033" y="516564"/>
                <a:ext cx="804672" cy="804672"/>
              </a:xfrm>
              <a:prstGeom prst="ellipse">
                <a:avLst/>
              </a:prstGeom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s-ES" sz="1800"/>
              </a:p>
            </p:txBody>
          </p:sp>
          <p:pic>
            <p:nvPicPr>
              <p:cNvPr id="66" name="Graphic 65" descr="Laptop with solid fill">
                <a:extLst>
                  <a:ext uri="{FF2B5EF4-FFF2-40B4-BE49-F238E27FC236}">
                    <a16:creationId xmlns:a16="http://schemas.microsoft.com/office/drawing/2014/main" id="{BE92E2B4-4315-4790-BB6B-0703D7A9F74D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7" cstate="hqprint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8"/>
                  </a:ext>
                </a:extLst>
              </a:blip>
              <a:stretch>
                <a:fillRect/>
              </a:stretch>
            </p:blipFill>
            <p:spPr>
              <a:xfrm>
                <a:off x="10984532" y="595563"/>
                <a:ext cx="637674" cy="637674"/>
              </a:xfrm>
              <a:prstGeom prst="rect">
                <a:avLst/>
              </a:prstGeom>
            </p:spPr>
          </p:pic>
        </p:grpSp>
      </p:grpSp>
      <p:grpSp>
        <p:nvGrpSpPr>
          <p:cNvPr id="10" name="Group 9">
            <a:extLst>
              <a:ext uri="{FF2B5EF4-FFF2-40B4-BE49-F238E27FC236}">
                <a16:creationId xmlns:a16="http://schemas.microsoft.com/office/drawing/2014/main" id="{9DEC420D-7AAF-403D-8AF6-488043DDA9A7}"/>
              </a:ext>
            </a:extLst>
          </p:cNvPr>
          <p:cNvGrpSpPr/>
          <p:nvPr userDrawn="1"/>
        </p:nvGrpSpPr>
        <p:grpSpPr>
          <a:xfrm>
            <a:off x="3034558" y="6185010"/>
            <a:ext cx="974307" cy="1307013"/>
            <a:chOff x="3374595" y="4261895"/>
            <a:chExt cx="868362" cy="1185699"/>
          </a:xfrm>
        </p:grpSpPr>
        <p:sp>
          <p:nvSpPr>
            <p:cNvPr id="26" name="TextBox 25">
              <a:extLst>
                <a:ext uri="{FF2B5EF4-FFF2-40B4-BE49-F238E27FC236}">
                  <a16:creationId xmlns:a16="http://schemas.microsoft.com/office/drawing/2014/main" id="{49D98A53-5524-4544-8672-1C27B4AB25D4}"/>
                </a:ext>
              </a:extLst>
            </p:cNvPr>
            <p:cNvSpPr txBox="1"/>
            <p:nvPr userDrawn="1"/>
          </p:nvSpPr>
          <p:spPr>
            <a:xfrm>
              <a:off x="3374595" y="5084621"/>
              <a:ext cx="868362" cy="36297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s-ES" sz="1000"/>
                <a:t>Use case / example </a:t>
              </a:r>
            </a:p>
          </p:txBody>
        </p:sp>
        <p:grpSp>
          <p:nvGrpSpPr>
            <p:cNvPr id="67" name="Group 66">
              <a:extLst>
                <a:ext uri="{FF2B5EF4-FFF2-40B4-BE49-F238E27FC236}">
                  <a16:creationId xmlns:a16="http://schemas.microsoft.com/office/drawing/2014/main" id="{7803058A-D7EA-41BE-B643-0D4ACA389342}"/>
                </a:ext>
              </a:extLst>
            </p:cNvPr>
            <p:cNvGrpSpPr/>
            <p:nvPr userDrawn="1"/>
          </p:nvGrpSpPr>
          <p:grpSpPr>
            <a:xfrm>
              <a:off x="3406440" y="4261895"/>
              <a:ext cx="804672" cy="804672"/>
              <a:chOff x="10901033" y="516564"/>
              <a:chExt cx="804672" cy="804672"/>
            </a:xfrm>
          </p:grpSpPr>
          <p:sp>
            <p:nvSpPr>
              <p:cNvPr id="68" name="Oval 67">
                <a:extLst>
                  <a:ext uri="{FF2B5EF4-FFF2-40B4-BE49-F238E27FC236}">
                    <a16:creationId xmlns:a16="http://schemas.microsoft.com/office/drawing/2014/main" id="{4ECD7545-A410-49D1-85C4-59FCAB26E068}"/>
                  </a:ext>
                </a:extLst>
              </p:cNvPr>
              <p:cNvSpPr/>
              <p:nvPr userDrawn="1"/>
            </p:nvSpPr>
            <p:spPr>
              <a:xfrm>
                <a:off x="10901033" y="516564"/>
                <a:ext cx="804672" cy="804672"/>
              </a:xfrm>
              <a:prstGeom prst="ellipse">
                <a:avLst/>
              </a:prstGeom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s-ES" sz="1800"/>
              </a:p>
            </p:txBody>
          </p:sp>
          <p:grpSp>
            <p:nvGrpSpPr>
              <p:cNvPr id="69" name="Group 68">
                <a:extLst>
                  <a:ext uri="{FF2B5EF4-FFF2-40B4-BE49-F238E27FC236}">
                    <a16:creationId xmlns:a16="http://schemas.microsoft.com/office/drawing/2014/main" id="{3B634593-6BCA-43B1-83CF-32868AEE0BF8}"/>
                  </a:ext>
                </a:extLst>
              </p:cNvPr>
              <p:cNvGrpSpPr/>
              <p:nvPr userDrawn="1"/>
            </p:nvGrpSpPr>
            <p:grpSpPr>
              <a:xfrm>
                <a:off x="10992291" y="581245"/>
                <a:ext cx="666309" cy="666309"/>
                <a:chOff x="13003652" y="1939091"/>
                <a:chExt cx="914400" cy="914400"/>
              </a:xfrm>
            </p:grpSpPr>
            <p:pic>
              <p:nvPicPr>
                <p:cNvPr id="70" name="Graphic 69" descr="Magnifying glass with solid fill">
                  <a:extLst>
                    <a:ext uri="{FF2B5EF4-FFF2-40B4-BE49-F238E27FC236}">
                      <a16:creationId xmlns:a16="http://schemas.microsoft.com/office/drawing/2014/main" id="{ADDEAA5B-62ED-42A7-B6FE-1E4C2671016D}"/>
                    </a:ext>
                  </a:extLst>
                </p:cNvPr>
                <p:cNvPicPr>
                  <a:picLocks noChangeAspect="1"/>
                </p:cNvPicPr>
                <p:nvPr userDrawn="1"/>
              </p:nvPicPr>
              <p:blipFill>
                <a:blip r:embed="rId9" cstate="hqprint">
                  <a:extLst>
                    <a:ext uri="{28A0092B-C50C-407E-A947-70E740481C1C}">
                      <a14:useLocalDpi xmlns:a14="http://schemas.microsoft.com/office/drawing/2010/main" val="0"/>
                    </a:ext>
                    <a:ext uri="{96DAC541-7B7A-43D3-8B79-37D633B846F1}">
                      <asvg:svgBlip xmlns:asvg="http://schemas.microsoft.com/office/drawing/2016/SVG/main" r:embed="rId10"/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13003652" y="1939091"/>
                  <a:ext cx="914400" cy="914400"/>
                </a:xfrm>
                <a:prstGeom prst="rect">
                  <a:avLst/>
                </a:prstGeom>
              </p:spPr>
            </p:pic>
            <p:sp>
              <p:nvSpPr>
                <p:cNvPr id="71" name="Graphic 32" descr="Heartbeat outline">
                  <a:extLst>
                    <a:ext uri="{FF2B5EF4-FFF2-40B4-BE49-F238E27FC236}">
                      <a16:creationId xmlns:a16="http://schemas.microsoft.com/office/drawing/2014/main" id="{6B8DDB84-B9F2-4235-A4C2-54FBCE72C7B9}"/>
                    </a:ext>
                  </a:extLst>
                </p:cNvPr>
                <p:cNvSpPr/>
                <p:nvPr/>
              </p:nvSpPr>
              <p:spPr>
                <a:xfrm>
                  <a:off x="13111937" y="2140094"/>
                  <a:ext cx="507811" cy="292293"/>
                </a:xfrm>
                <a:custGeom>
                  <a:avLst/>
                  <a:gdLst>
                    <a:gd name="connsiteX0" fmla="*/ 542495 w 1231929"/>
                    <a:gd name="connsiteY0" fmla="*/ 496638 h 496637"/>
                    <a:gd name="connsiteX1" fmla="*/ 541217 w 1231929"/>
                    <a:gd name="connsiteY1" fmla="*/ 496638 h 496637"/>
                    <a:gd name="connsiteX2" fmla="*/ 527358 w 1231929"/>
                    <a:gd name="connsiteY2" fmla="*/ 488477 h 496637"/>
                    <a:gd name="connsiteX3" fmla="*/ 394402 w 1231929"/>
                    <a:gd name="connsiteY3" fmla="*/ 49592 h 496637"/>
                    <a:gd name="connsiteX4" fmla="*/ 394110 w 1231929"/>
                    <a:gd name="connsiteY4" fmla="*/ 49592 h 496637"/>
                    <a:gd name="connsiteX5" fmla="*/ 289688 w 1231929"/>
                    <a:gd name="connsiteY5" fmla="*/ 251631 h 496637"/>
                    <a:gd name="connsiteX6" fmla="*/ 275105 w 1231929"/>
                    <a:gd name="connsiteY6" fmla="*/ 258527 h 496637"/>
                    <a:gd name="connsiteX7" fmla="*/ 0 w 1231929"/>
                    <a:gd name="connsiteY7" fmla="*/ 258527 h 496637"/>
                    <a:gd name="connsiteX8" fmla="*/ 0 w 1231929"/>
                    <a:gd name="connsiteY8" fmla="*/ 238124 h 496637"/>
                    <a:gd name="connsiteX9" fmla="*/ 264095 w 1231929"/>
                    <a:gd name="connsiteY9" fmla="*/ 238124 h 496637"/>
                    <a:gd name="connsiteX10" fmla="*/ 383592 w 1231929"/>
                    <a:gd name="connsiteY10" fmla="*/ 6909 h 496637"/>
                    <a:gd name="connsiteX11" fmla="*/ 403140 w 1231929"/>
                    <a:gd name="connsiteY11" fmla="*/ 550 h 496637"/>
                    <a:gd name="connsiteX12" fmla="*/ 413266 w 1231929"/>
                    <a:gd name="connsiteY12" fmla="*/ 8205 h 496637"/>
                    <a:gd name="connsiteX13" fmla="*/ 546992 w 1231929"/>
                    <a:gd name="connsiteY13" fmla="*/ 449477 h 496637"/>
                    <a:gd name="connsiteX14" fmla="*/ 547285 w 1231929"/>
                    <a:gd name="connsiteY14" fmla="*/ 449477 h 496637"/>
                    <a:gd name="connsiteX15" fmla="*/ 741822 w 1231929"/>
                    <a:gd name="connsiteY15" fmla="*/ 111688 h 496637"/>
                    <a:gd name="connsiteX16" fmla="*/ 756867 w 1231929"/>
                    <a:gd name="connsiteY16" fmla="*/ 105139 h 496637"/>
                    <a:gd name="connsiteX17" fmla="*/ 771018 w 1231929"/>
                    <a:gd name="connsiteY17" fmla="*/ 112524 h 496637"/>
                    <a:gd name="connsiteX18" fmla="*/ 867555 w 1231929"/>
                    <a:gd name="connsiteY18" fmla="*/ 336211 h 496637"/>
                    <a:gd name="connsiteX19" fmla="*/ 867817 w 1231929"/>
                    <a:gd name="connsiteY19" fmla="*/ 336211 h 496637"/>
                    <a:gd name="connsiteX20" fmla="*/ 1002190 w 1231929"/>
                    <a:gd name="connsiteY20" fmla="*/ 241338 h 496637"/>
                    <a:gd name="connsiteX21" fmla="*/ 1013431 w 1231929"/>
                    <a:gd name="connsiteY21" fmla="*/ 238114 h 496637"/>
                    <a:gd name="connsiteX22" fmla="*/ 1231929 w 1231929"/>
                    <a:gd name="connsiteY22" fmla="*/ 238114 h 496637"/>
                    <a:gd name="connsiteX23" fmla="*/ 1231929 w 1231929"/>
                    <a:gd name="connsiteY23" fmla="*/ 258517 h 496637"/>
                    <a:gd name="connsiteX24" fmla="*/ 1020084 w 1231929"/>
                    <a:gd name="connsiteY24" fmla="*/ 258517 h 496637"/>
                    <a:gd name="connsiteX25" fmla="*/ 871590 w 1231929"/>
                    <a:gd name="connsiteY25" fmla="*/ 363448 h 496637"/>
                    <a:gd name="connsiteX26" fmla="*/ 849825 w 1231929"/>
                    <a:gd name="connsiteY26" fmla="*/ 363930 h 496637"/>
                    <a:gd name="connsiteX27" fmla="*/ 845535 w 1231929"/>
                    <a:gd name="connsiteY27" fmla="*/ 359276 h 496637"/>
                    <a:gd name="connsiteX28" fmla="*/ 754249 w 1231929"/>
                    <a:gd name="connsiteY28" fmla="*/ 147882 h 496637"/>
                    <a:gd name="connsiteX29" fmla="*/ 753956 w 1231929"/>
                    <a:gd name="connsiteY29" fmla="*/ 147882 h 496637"/>
                    <a:gd name="connsiteX30" fmla="*/ 556878 w 1231929"/>
                    <a:gd name="connsiteY30" fmla="*/ 490078 h 496637"/>
                    <a:gd name="connsiteX31" fmla="*/ 542495 w 1231929"/>
                    <a:gd name="connsiteY31" fmla="*/ 496638 h 496637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  <a:cxn ang="0">
                      <a:pos x="connsiteX7" y="connsiteY7"/>
                    </a:cxn>
                    <a:cxn ang="0">
                      <a:pos x="connsiteX8" y="connsiteY8"/>
                    </a:cxn>
                    <a:cxn ang="0">
                      <a:pos x="connsiteX9" y="connsiteY9"/>
                    </a:cxn>
                    <a:cxn ang="0">
                      <a:pos x="connsiteX10" y="connsiteY10"/>
                    </a:cxn>
                    <a:cxn ang="0">
                      <a:pos x="connsiteX11" y="connsiteY11"/>
                    </a:cxn>
                    <a:cxn ang="0">
                      <a:pos x="connsiteX12" y="connsiteY12"/>
                    </a:cxn>
                    <a:cxn ang="0">
                      <a:pos x="connsiteX13" y="connsiteY13"/>
                    </a:cxn>
                    <a:cxn ang="0">
                      <a:pos x="connsiteX14" y="connsiteY14"/>
                    </a:cxn>
                    <a:cxn ang="0">
                      <a:pos x="connsiteX15" y="connsiteY15"/>
                    </a:cxn>
                    <a:cxn ang="0">
                      <a:pos x="connsiteX16" y="connsiteY16"/>
                    </a:cxn>
                    <a:cxn ang="0">
                      <a:pos x="connsiteX17" y="connsiteY17"/>
                    </a:cxn>
                    <a:cxn ang="0">
                      <a:pos x="connsiteX18" y="connsiteY18"/>
                    </a:cxn>
                    <a:cxn ang="0">
                      <a:pos x="connsiteX19" y="connsiteY19"/>
                    </a:cxn>
                    <a:cxn ang="0">
                      <a:pos x="connsiteX20" y="connsiteY20"/>
                    </a:cxn>
                    <a:cxn ang="0">
                      <a:pos x="connsiteX21" y="connsiteY21"/>
                    </a:cxn>
                    <a:cxn ang="0">
                      <a:pos x="connsiteX22" y="connsiteY22"/>
                    </a:cxn>
                    <a:cxn ang="0">
                      <a:pos x="connsiteX23" y="connsiteY23"/>
                    </a:cxn>
                    <a:cxn ang="0">
                      <a:pos x="connsiteX24" y="connsiteY24"/>
                    </a:cxn>
                    <a:cxn ang="0">
                      <a:pos x="connsiteX25" y="connsiteY25"/>
                    </a:cxn>
                    <a:cxn ang="0">
                      <a:pos x="connsiteX26" y="connsiteY26"/>
                    </a:cxn>
                    <a:cxn ang="0">
                      <a:pos x="connsiteX27" y="connsiteY27"/>
                    </a:cxn>
                    <a:cxn ang="0">
                      <a:pos x="connsiteX28" y="connsiteY28"/>
                    </a:cxn>
                    <a:cxn ang="0">
                      <a:pos x="connsiteX29" y="connsiteY29"/>
                    </a:cxn>
                    <a:cxn ang="0">
                      <a:pos x="connsiteX30" y="connsiteY30"/>
                    </a:cxn>
                    <a:cxn ang="0">
                      <a:pos x="connsiteX31" y="connsiteY31"/>
                    </a:cxn>
                  </a:cxnLst>
                  <a:rect l="l" t="t" r="r" b="b"/>
                  <a:pathLst>
                    <a:path w="1231929" h="496637">
                      <a:moveTo>
                        <a:pt x="542495" y="496638"/>
                      </a:moveTo>
                      <a:cubicBezTo>
                        <a:pt x="542064" y="496638"/>
                        <a:pt x="541648" y="496638"/>
                        <a:pt x="541217" y="496638"/>
                      </a:cubicBezTo>
                      <a:cubicBezTo>
                        <a:pt x="534366" y="496272"/>
                        <a:pt x="528710" y="492942"/>
                        <a:pt x="527358" y="488477"/>
                      </a:cubicBezTo>
                      <a:lnTo>
                        <a:pt x="394402" y="49592"/>
                      </a:lnTo>
                      <a:cubicBezTo>
                        <a:pt x="394402" y="49388"/>
                        <a:pt x="394202" y="49378"/>
                        <a:pt x="394110" y="49592"/>
                      </a:cubicBezTo>
                      <a:lnTo>
                        <a:pt x="289688" y="251631"/>
                      </a:lnTo>
                      <a:cubicBezTo>
                        <a:pt x="287554" y="255759"/>
                        <a:pt x="281693" y="258531"/>
                        <a:pt x="275105" y="258527"/>
                      </a:cubicBezTo>
                      <a:lnTo>
                        <a:pt x="0" y="258527"/>
                      </a:lnTo>
                      <a:lnTo>
                        <a:pt x="0" y="238124"/>
                      </a:lnTo>
                      <a:lnTo>
                        <a:pt x="264095" y="238124"/>
                      </a:lnTo>
                      <a:lnTo>
                        <a:pt x="383592" y="6909"/>
                      </a:lnTo>
                      <a:cubicBezTo>
                        <a:pt x="386339" y="1577"/>
                        <a:pt x="395090" y="-1270"/>
                        <a:pt x="403140" y="550"/>
                      </a:cubicBezTo>
                      <a:cubicBezTo>
                        <a:pt x="408332" y="1724"/>
                        <a:pt x="412191" y="4640"/>
                        <a:pt x="413266" y="8205"/>
                      </a:cubicBezTo>
                      <a:lnTo>
                        <a:pt x="546992" y="449477"/>
                      </a:lnTo>
                      <a:cubicBezTo>
                        <a:pt x="546992" y="449660"/>
                        <a:pt x="547177" y="449671"/>
                        <a:pt x="547285" y="449477"/>
                      </a:cubicBezTo>
                      <a:lnTo>
                        <a:pt x="741822" y="111688"/>
                      </a:lnTo>
                      <a:cubicBezTo>
                        <a:pt x="744090" y="107537"/>
                        <a:pt x="750214" y="104870"/>
                        <a:pt x="756867" y="105139"/>
                      </a:cubicBezTo>
                      <a:cubicBezTo>
                        <a:pt x="763493" y="105325"/>
                        <a:pt x="769194" y="108301"/>
                        <a:pt x="771018" y="112524"/>
                      </a:cubicBezTo>
                      <a:lnTo>
                        <a:pt x="867555" y="336211"/>
                      </a:lnTo>
                      <a:cubicBezTo>
                        <a:pt x="867555" y="336302"/>
                        <a:pt x="867709" y="336323"/>
                        <a:pt x="867817" y="336211"/>
                      </a:cubicBezTo>
                      <a:lnTo>
                        <a:pt x="1002190" y="241338"/>
                      </a:lnTo>
                      <a:cubicBezTo>
                        <a:pt x="1005103" y="239280"/>
                        <a:pt x="1009172" y="238113"/>
                        <a:pt x="1013431" y="238114"/>
                      </a:cubicBezTo>
                      <a:lnTo>
                        <a:pt x="1231929" y="238114"/>
                      </a:lnTo>
                      <a:lnTo>
                        <a:pt x="1231929" y="258517"/>
                      </a:lnTo>
                      <a:lnTo>
                        <a:pt x="1020084" y="258517"/>
                      </a:lnTo>
                      <a:lnTo>
                        <a:pt x="871590" y="363448"/>
                      </a:lnTo>
                      <a:cubicBezTo>
                        <a:pt x="865780" y="367563"/>
                        <a:pt x="856035" y="367779"/>
                        <a:pt x="849825" y="363930"/>
                      </a:cubicBezTo>
                      <a:cubicBezTo>
                        <a:pt x="847783" y="362665"/>
                        <a:pt x="846300" y="361056"/>
                        <a:pt x="845535" y="359276"/>
                      </a:cubicBezTo>
                      <a:lnTo>
                        <a:pt x="754249" y="147882"/>
                      </a:lnTo>
                      <a:cubicBezTo>
                        <a:pt x="754249" y="147719"/>
                        <a:pt x="754048" y="147709"/>
                        <a:pt x="753956" y="147882"/>
                      </a:cubicBezTo>
                      <a:lnTo>
                        <a:pt x="556878" y="490078"/>
                      </a:lnTo>
                      <a:cubicBezTo>
                        <a:pt x="554599" y="494028"/>
                        <a:pt x="548878" y="496638"/>
                        <a:pt x="542495" y="496638"/>
                      </a:cubicBezTo>
                      <a:close/>
                    </a:path>
                  </a:pathLst>
                </a:custGeom>
                <a:solidFill>
                  <a:schemeClr val="bg1"/>
                </a:solidFill>
                <a:ln w="15381" cap="flat">
                  <a:solidFill>
                    <a:schemeClr val="bg1"/>
                  </a:solidFill>
                  <a:prstDash val="solid"/>
                  <a:miter/>
                </a:ln>
              </p:spPr>
              <p:txBody>
                <a:bodyPr rtlCol="0" anchor="ctr"/>
                <a:lstStyle/>
                <a:p>
                  <a:endParaRPr lang="es-ES" sz="1800"/>
                </a:p>
              </p:txBody>
            </p:sp>
          </p:grpSp>
        </p:grpSp>
      </p:grpSp>
      <p:grpSp>
        <p:nvGrpSpPr>
          <p:cNvPr id="4" name="Group 3">
            <a:extLst>
              <a:ext uri="{FF2B5EF4-FFF2-40B4-BE49-F238E27FC236}">
                <a16:creationId xmlns:a16="http://schemas.microsoft.com/office/drawing/2014/main" id="{D9C55012-42D4-4349-823E-00AC67A680EF}"/>
              </a:ext>
            </a:extLst>
          </p:cNvPr>
          <p:cNvGrpSpPr/>
          <p:nvPr userDrawn="1"/>
        </p:nvGrpSpPr>
        <p:grpSpPr>
          <a:xfrm>
            <a:off x="179553" y="4697955"/>
            <a:ext cx="974307" cy="1503478"/>
            <a:chOff x="160028" y="4261895"/>
            <a:chExt cx="868362" cy="1363928"/>
          </a:xfrm>
        </p:grpSpPr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B0D05942-DE85-42D5-AAB5-7B97AF49B7B2}"/>
                </a:ext>
              </a:extLst>
            </p:cNvPr>
            <p:cNvSpPr txBox="1"/>
            <p:nvPr userDrawn="1"/>
          </p:nvSpPr>
          <p:spPr>
            <a:xfrm>
              <a:off x="160028" y="5123246"/>
              <a:ext cx="868362" cy="50257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s-ES" sz="1000"/>
                <a:t>TOC / Learning goals</a:t>
              </a:r>
            </a:p>
          </p:txBody>
        </p:sp>
        <p:grpSp>
          <p:nvGrpSpPr>
            <p:cNvPr id="72" name="Group 71">
              <a:extLst>
                <a:ext uri="{FF2B5EF4-FFF2-40B4-BE49-F238E27FC236}">
                  <a16:creationId xmlns:a16="http://schemas.microsoft.com/office/drawing/2014/main" id="{0CECEB79-38AE-489D-A302-72B716A98624}"/>
                </a:ext>
              </a:extLst>
            </p:cNvPr>
            <p:cNvGrpSpPr/>
            <p:nvPr userDrawn="1"/>
          </p:nvGrpSpPr>
          <p:grpSpPr>
            <a:xfrm>
              <a:off x="191874" y="4261895"/>
              <a:ext cx="804672" cy="804672"/>
              <a:chOff x="10901033" y="516564"/>
              <a:chExt cx="804672" cy="804672"/>
            </a:xfrm>
          </p:grpSpPr>
          <p:sp>
            <p:nvSpPr>
              <p:cNvPr id="73" name="Oval 72">
                <a:extLst>
                  <a:ext uri="{FF2B5EF4-FFF2-40B4-BE49-F238E27FC236}">
                    <a16:creationId xmlns:a16="http://schemas.microsoft.com/office/drawing/2014/main" id="{0C686146-F286-4A4F-89CF-418F7383ED7D}"/>
                  </a:ext>
                </a:extLst>
              </p:cNvPr>
              <p:cNvSpPr/>
              <p:nvPr userDrawn="1"/>
            </p:nvSpPr>
            <p:spPr>
              <a:xfrm>
                <a:off x="10901033" y="516564"/>
                <a:ext cx="804672" cy="804672"/>
              </a:xfrm>
              <a:prstGeom prst="ellipse">
                <a:avLst/>
              </a:prstGeom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s-ES" sz="1800"/>
              </a:p>
            </p:txBody>
          </p:sp>
          <p:pic>
            <p:nvPicPr>
              <p:cNvPr id="74" name="Graphic 73" descr="Bullseye with solid fill">
                <a:extLst>
                  <a:ext uri="{FF2B5EF4-FFF2-40B4-BE49-F238E27FC236}">
                    <a16:creationId xmlns:a16="http://schemas.microsoft.com/office/drawing/2014/main" id="{10756945-9617-472E-90F0-F37FA1E58499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11" cstate="hqprint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12"/>
                  </a:ext>
                </a:extLst>
              </a:blip>
              <a:stretch>
                <a:fillRect/>
              </a:stretch>
            </p:blipFill>
            <p:spPr>
              <a:xfrm>
                <a:off x="10994582" y="605613"/>
                <a:ext cx="617573" cy="617573"/>
              </a:xfrm>
              <a:prstGeom prst="rect">
                <a:avLst/>
              </a:prstGeom>
            </p:spPr>
          </p:pic>
        </p:grpSp>
      </p:grpSp>
      <p:grpSp>
        <p:nvGrpSpPr>
          <p:cNvPr id="5" name="Group 4">
            <a:extLst>
              <a:ext uri="{FF2B5EF4-FFF2-40B4-BE49-F238E27FC236}">
                <a16:creationId xmlns:a16="http://schemas.microsoft.com/office/drawing/2014/main" id="{6127A2C5-9B78-4C1F-8603-830FF4781FA0}"/>
              </a:ext>
            </a:extLst>
          </p:cNvPr>
          <p:cNvGrpSpPr/>
          <p:nvPr userDrawn="1"/>
        </p:nvGrpSpPr>
        <p:grpSpPr>
          <a:xfrm>
            <a:off x="1317060" y="4697956"/>
            <a:ext cx="984998" cy="1153124"/>
            <a:chOff x="1173842" y="4261895"/>
            <a:chExt cx="877891" cy="1046093"/>
          </a:xfrm>
        </p:grpSpPr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A4049305-973E-45BE-85E7-B555AA4D679C}"/>
                </a:ext>
              </a:extLst>
            </p:cNvPr>
            <p:cNvSpPr txBox="1"/>
            <p:nvPr userDrawn="1"/>
          </p:nvSpPr>
          <p:spPr>
            <a:xfrm>
              <a:off x="1173842" y="5084621"/>
              <a:ext cx="868362" cy="22336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s-ES" sz="1000"/>
                <a:t>Concept </a:t>
              </a:r>
            </a:p>
          </p:txBody>
        </p:sp>
        <p:grpSp>
          <p:nvGrpSpPr>
            <p:cNvPr id="75" name="Group 74">
              <a:extLst>
                <a:ext uri="{FF2B5EF4-FFF2-40B4-BE49-F238E27FC236}">
                  <a16:creationId xmlns:a16="http://schemas.microsoft.com/office/drawing/2014/main" id="{4877ED4A-7009-472D-9E08-B9B4E1B34B94}"/>
                </a:ext>
              </a:extLst>
            </p:cNvPr>
            <p:cNvGrpSpPr/>
            <p:nvPr userDrawn="1"/>
          </p:nvGrpSpPr>
          <p:grpSpPr>
            <a:xfrm>
              <a:off x="1247061" y="4261895"/>
              <a:ext cx="804672" cy="804672"/>
              <a:chOff x="10901033" y="516564"/>
              <a:chExt cx="804672" cy="804672"/>
            </a:xfrm>
          </p:grpSpPr>
          <p:sp>
            <p:nvSpPr>
              <p:cNvPr id="76" name="Oval 75">
                <a:extLst>
                  <a:ext uri="{FF2B5EF4-FFF2-40B4-BE49-F238E27FC236}">
                    <a16:creationId xmlns:a16="http://schemas.microsoft.com/office/drawing/2014/main" id="{3480419A-58C6-4EB6-8487-E58BA72D4BE4}"/>
                  </a:ext>
                </a:extLst>
              </p:cNvPr>
              <p:cNvSpPr/>
              <p:nvPr userDrawn="1"/>
            </p:nvSpPr>
            <p:spPr>
              <a:xfrm>
                <a:off x="10901033" y="516564"/>
                <a:ext cx="804672" cy="804672"/>
              </a:xfrm>
              <a:prstGeom prst="ellipse">
                <a:avLst/>
              </a:prstGeom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s-ES" sz="1800"/>
              </a:p>
            </p:txBody>
          </p:sp>
          <p:grpSp>
            <p:nvGrpSpPr>
              <p:cNvPr id="77" name="Group 76">
                <a:extLst>
                  <a:ext uri="{FF2B5EF4-FFF2-40B4-BE49-F238E27FC236}">
                    <a16:creationId xmlns:a16="http://schemas.microsoft.com/office/drawing/2014/main" id="{41B70891-29DE-4654-9697-1DE96ECC582F}"/>
                  </a:ext>
                </a:extLst>
              </p:cNvPr>
              <p:cNvGrpSpPr>
                <a:grpSpLocks noChangeAspect="1"/>
              </p:cNvGrpSpPr>
              <p:nvPr userDrawn="1"/>
            </p:nvGrpSpPr>
            <p:grpSpPr>
              <a:xfrm>
                <a:off x="11097629" y="625062"/>
                <a:ext cx="411480" cy="587677"/>
                <a:chOff x="7502176" y="2510940"/>
                <a:chExt cx="463328" cy="661726"/>
              </a:xfrm>
              <a:solidFill>
                <a:schemeClr val="bg1"/>
              </a:solidFill>
            </p:grpSpPr>
            <p:sp>
              <p:nvSpPr>
                <p:cNvPr id="78" name="Freeform: Shape 77">
                  <a:extLst>
                    <a:ext uri="{FF2B5EF4-FFF2-40B4-BE49-F238E27FC236}">
                      <a16:creationId xmlns:a16="http://schemas.microsoft.com/office/drawing/2014/main" id="{0586F93B-9717-4E57-BCF2-B9467587B7A3}"/>
                    </a:ext>
                  </a:extLst>
                </p:cNvPr>
                <p:cNvSpPr/>
                <p:nvPr/>
              </p:nvSpPr>
              <p:spPr>
                <a:xfrm>
                  <a:off x="7629126" y="3028663"/>
                  <a:ext cx="209891" cy="53468"/>
                </a:xfrm>
                <a:custGeom>
                  <a:avLst/>
                  <a:gdLst>
                    <a:gd name="connsiteX0" fmla="*/ 184685 w 209891"/>
                    <a:gd name="connsiteY0" fmla="*/ 0 h 53468"/>
                    <a:gd name="connsiteX1" fmla="*/ 25207 w 209891"/>
                    <a:gd name="connsiteY1" fmla="*/ 0 h 53468"/>
                    <a:gd name="connsiteX2" fmla="*/ 47 w 209891"/>
                    <a:gd name="connsiteY2" fmla="*/ 28308 h 53468"/>
                    <a:gd name="connsiteX3" fmla="*/ 25207 w 209891"/>
                    <a:gd name="connsiteY3" fmla="*/ 53468 h 53468"/>
                    <a:gd name="connsiteX4" fmla="*/ 184685 w 209891"/>
                    <a:gd name="connsiteY4" fmla="*/ 53468 h 53468"/>
                    <a:gd name="connsiteX5" fmla="*/ 209844 w 209891"/>
                    <a:gd name="connsiteY5" fmla="*/ 25160 h 53468"/>
                    <a:gd name="connsiteX6" fmla="*/ 184685 w 209891"/>
                    <a:gd name="connsiteY6" fmla="*/ 0 h 53468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</a:cxnLst>
                  <a:rect l="l" t="t" r="r" b="b"/>
                  <a:pathLst>
                    <a:path w="209891" h="53468">
                      <a:moveTo>
                        <a:pt x="184685" y="0"/>
                      </a:moveTo>
                      <a:lnTo>
                        <a:pt x="25207" y="0"/>
                      </a:lnTo>
                      <a:cubicBezTo>
                        <a:pt x="10442" y="870"/>
                        <a:pt x="-822" y="13544"/>
                        <a:pt x="47" y="28308"/>
                      </a:cubicBezTo>
                      <a:cubicBezTo>
                        <a:pt x="846" y="41860"/>
                        <a:pt x="11656" y="52670"/>
                        <a:pt x="25207" y="53468"/>
                      </a:cubicBezTo>
                      <a:lnTo>
                        <a:pt x="184685" y="53468"/>
                      </a:lnTo>
                      <a:cubicBezTo>
                        <a:pt x="199449" y="52598"/>
                        <a:pt x="210713" y="39924"/>
                        <a:pt x="209844" y="25160"/>
                      </a:cubicBezTo>
                      <a:cubicBezTo>
                        <a:pt x="209045" y="11608"/>
                        <a:pt x="198235" y="798"/>
                        <a:pt x="184685" y="0"/>
                      </a:cubicBezTo>
                      <a:close/>
                    </a:path>
                  </a:pathLst>
                </a:custGeom>
                <a:grpFill/>
                <a:ln w="9227" cap="flat">
                  <a:noFill/>
                  <a:prstDash val="solid"/>
                  <a:miter/>
                </a:ln>
              </p:spPr>
              <p:txBody>
                <a:bodyPr rtlCol="0" anchor="ctr"/>
                <a:lstStyle/>
                <a:p>
                  <a:endParaRPr lang="es-ES" sz="1800"/>
                </a:p>
              </p:txBody>
            </p:sp>
            <p:sp>
              <p:nvSpPr>
                <p:cNvPr id="79" name="Freeform: Shape 78">
                  <a:extLst>
                    <a:ext uri="{FF2B5EF4-FFF2-40B4-BE49-F238E27FC236}">
                      <a16:creationId xmlns:a16="http://schemas.microsoft.com/office/drawing/2014/main" id="{665582E1-26EE-494C-A1B1-692B93E84D53}"/>
                    </a:ext>
                  </a:extLst>
                </p:cNvPr>
                <p:cNvSpPr/>
                <p:nvPr/>
              </p:nvSpPr>
              <p:spPr>
                <a:xfrm>
                  <a:off x="7676202" y="3119198"/>
                  <a:ext cx="115739" cy="53468"/>
                </a:xfrm>
                <a:custGeom>
                  <a:avLst/>
                  <a:gdLst>
                    <a:gd name="connsiteX0" fmla="*/ 57916 w 115739"/>
                    <a:gd name="connsiteY0" fmla="*/ 53468 h 53468"/>
                    <a:gd name="connsiteX1" fmla="*/ 115740 w 115739"/>
                    <a:gd name="connsiteY1" fmla="*/ 0 h 53468"/>
                    <a:gd name="connsiteX2" fmla="*/ 0 w 115739"/>
                    <a:gd name="connsiteY2" fmla="*/ 0 h 53468"/>
                    <a:gd name="connsiteX3" fmla="*/ 57916 w 115739"/>
                    <a:gd name="connsiteY3" fmla="*/ 53468 h 53468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115739" h="53468">
                      <a:moveTo>
                        <a:pt x="57916" y="53468"/>
                      </a:moveTo>
                      <a:cubicBezTo>
                        <a:pt x="88172" y="53420"/>
                        <a:pt x="113327" y="30160"/>
                        <a:pt x="115740" y="0"/>
                      </a:cubicBezTo>
                      <a:lnTo>
                        <a:pt x="0" y="0"/>
                      </a:lnTo>
                      <a:cubicBezTo>
                        <a:pt x="2458" y="30175"/>
                        <a:pt x="27642" y="53424"/>
                        <a:pt x="57916" y="53468"/>
                      </a:cubicBezTo>
                      <a:close/>
                    </a:path>
                  </a:pathLst>
                </a:custGeom>
                <a:grpFill/>
                <a:ln w="9227" cap="flat">
                  <a:noFill/>
                  <a:prstDash val="solid"/>
                  <a:miter/>
                </a:ln>
              </p:spPr>
              <p:txBody>
                <a:bodyPr rtlCol="0" anchor="ctr"/>
                <a:lstStyle/>
                <a:p>
                  <a:endParaRPr lang="es-ES" sz="1800"/>
                </a:p>
              </p:txBody>
            </p:sp>
            <p:sp>
              <p:nvSpPr>
                <p:cNvPr id="80" name="Freeform: Shape 79">
                  <a:extLst>
                    <a:ext uri="{FF2B5EF4-FFF2-40B4-BE49-F238E27FC236}">
                      <a16:creationId xmlns:a16="http://schemas.microsoft.com/office/drawing/2014/main" id="{ED62AAFB-7BC3-456E-9A1C-6A1F20D0E8FF}"/>
                    </a:ext>
                  </a:extLst>
                </p:cNvPr>
                <p:cNvSpPr/>
                <p:nvPr/>
              </p:nvSpPr>
              <p:spPr>
                <a:xfrm>
                  <a:off x="7502176" y="2510940"/>
                  <a:ext cx="463328" cy="480657"/>
                </a:xfrm>
                <a:custGeom>
                  <a:avLst/>
                  <a:gdLst>
                    <a:gd name="connsiteX0" fmla="*/ 463329 w 463328"/>
                    <a:gd name="connsiteY0" fmla="*/ 236761 h 480657"/>
                    <a:gd name="connsiteX1" fmla="*/ 463329 w 463328"/>
                    <a:gd name="connsiteY1" fmla="*/ 228792 h 480657"/>
                    <a:gd name="connsiteX2" fmla="*/ 231664 w 463328"/>
                    <a:gd name="connsiteY2" fmla="*/ 0 h 480657"/>
                    <a:gd name="connsiteX3" fmla="*/ 231664 w 463328"/>
                    <a:gd name="connsiteY3" fmla="*/ 0 h 480657"/>
                    <a:gd name="connsiteX4" fmla="*/ 0 w 463328"/>
                    <a:gd name="connsiteY4" fmla="*/ 228792 h 480657"/>
                    <a:gd name="connsiteX5" fmla="*/ 0 w 463328"/>
                    <a:gd name="connsiteY5" fmla="*/ 236761 h 480657"/>
                    <a:gd name="connsiteX6" fmla="*/ 16124 w 463328"/>
                    <a:gd name="connsiteY6" fmla="*/ 316917 h 480657"/>
                    <a:gd name="connsiteX7" fmla="*/ 56341 w 463328"/>
                    <a:gd name="connsiteY7" fmla="*/ 382802 h 480657"/>
                    <a:gd name="connsiteX8" fmla="*/ 110550 w 463328"/>
                    <a:gd name="connsiteY8" fmla="*/ 470835 h 480657"/>
                    <a:gd name="connsiteX9" fmla="*/ 126489 w 463328"/>
                    <a:gd name="connsiteY9" fmla="*/ 480657 h 480657"/>
                    <a:gd name="connsiteX10" fmla="*/ 336840 w 463328"/>
                    <a:gd name="connsiteY10" fmla="*/ 480657 h 480657"/>
                    <a:gd name="connsiteX11" fmla="*/ 352778 w 463328"/>
                    <a:gd name="connsiteY11" fmla="*/ 470835 h 480657"/>
                    <a:gd name="connsiteX12" fmla="*/ 406988 w 463328"/>
                    <a:gd name="connsiteY12" fmla="*/ 382802 h 480657"/>
                    <a:gd name="connsiteX13" fmla="*/ 447205 w 463328"/>
                    <a:gd name="connsiteY13" fmla="*/ 316917 h 480657"/>
                    <a:gd name="connsiteX14" fmla="*/ 463329 w 463328"/>
                    <a:gd name="connsiteY14" fmla="*/ 236761 h 480657"/>
                    <a:gd name="connsiteX15" fmla="*/ 409953 w 463328"/>
                    <a:gd name="connsiteY15" fmla="*/ 235927 h 480657"/>
                    <a:gd name="connsiteX16" fmla="*/ 397629 w 463328"/>
                    <a:gd name="connsiteY16" fmla="*/ 298198 h 480657"/>
                    <a:gd name="connsiteX17" fmla="*/ 367605 w 463328"/>
                    <a:gd name="connsiteY17" fmla="*/ 347126 h 480657"/>
                    <a:gd name="connsiteX18" fmla="*/ 315063 w 463328"/>
                    <a:gd name="connsiteY18" fmla="*/ 427004 h 480657"/>
                    <a:gd name="connsiteX19" fmla="*/ 148265 w 463328"/>
                    <a:gd name="connsiteY19" fmla="*/ 427004 h 480657"/>
                    <a:gd name="connsiteX20" fmla="*/ 96187 w 463328"/>
                    <a:gd name="connsiteY20" fmla="*/ 346848 h 480657"/>
                    <a:gd name="connsiteX21" fmla="*/ 66163 w 463328"/>
                    <a:gd name="connsiteY21" fmla="*/ 297920 h 480657"/>
                    <a:gd name="connsiteX22" fmla="*/ 53375 w 463328"/>
                    <a:gd name="connsiteY22" fmla="*/ 235649 h 480657"/>
                    <a:gd name="connsiteX23" fmla="*/ 53375 w 463328"/>
                    <a:gd name="connsiteY23" fmla="*/ 228977 h 480657"/>
                    <a:gd name="connsiteX24" fmla="*/ 231386 w 463328"/>
                    <a:gd name="connsiteY24" fmla="*/ 52912 h 480657"/>
                    <a:gd name="connsiteX25" fmla="*/ 231386 w 463328"/>
                    <a:gd name="connsiteY25" fmla="*/ 52912 h 480657"/>
                    <a:gd name="connsiteX26" fmla="*/ 409397 w 463328"/>
                    <a:gd name="connsiteY26" fmla="*/ 228977 h 480657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  <a:cxn ang="0">
                      <a:pos x="connsiteX7" y="connsiteY7"/>
                    </a:cxn>
                    <a:cxn ang="0">
                      <a:pos x="connsiteX8" y="connsiteY8"/>
                    </a:cxn>
                    <a:cxn ang="0">
                      <a:pos x="connsiteX9" y="connsiteY9"/>
                    </a:cxn>
                    <a:cxn ang="0">
                      <a:pos x="connsiteX10" y="connsiteY10"/>
                    </a:cxn>
                    <a:cxn ang="0">
                      <a:pos x="connsiteX11" y="connsiteY11"/>
                    </a:cxn>
                    <a:cxn ang="0">
                      <a:pos x="connsiteX12" y="connsiteY12"/>
                    </a:cxn>
                    <a:cxn ang="0">
                      <a:pos x="connsiteX13" y="connsiteY13"/>
                    </a:cxn>
                    <a:cxn ang="0">
                      <a:pos x="connsiteX14" y="connsiteY14"/>
                    </a:cxn>
                    <a:cxn ang="0">
                      <a:pos x="connsiteX15" y="connsiteY15"/>
                    </a:cxn>
                    <a:cxn ang="0">
                      <a:pos x="connsiteX16" y="connsiteY16"/>
                    </a:cxn>
                    <a:cxn ang="0">
                      <a:pos x="connsiteX17" y="connsiteY17"/>
                    </a:cxn>
                    <a:cxn ang="0">
                      <a:pos x="connsiteX18" y="connsiteY18"/>
                    </a:cxn>
                    <a:cxn ang="0">
                      <a:pos x="connsiteX19" y="connsiteY19"/>
                    </a:cxn>
                    <a:cxn ang="0">
                      <a:pos x="connsiteX20" y="connsiteY20"/>
                    </a:cxn>
                    <a:cxn ang="0">
                      <a:pos x="connsiteX21" y="connsiteY21"/>
                    </a:cxn>
                    <a:cxn ang="0">
                      <a:pos x="connsiteX22" y="connsiteY22"/>
                    </a:cxn>
                    <a:cxn ang="0">
                      <a:pos x="connsiteX23" y="connsiteY23"/>
                    </a:cxn>
                    <a:cxn ang="0">
                      <a:pos x="connsiteX24" y="connsiteY24"/>
                    </a:cxn>
                    <a:cxn ang="0">
                      <a:pos x="connsiteX25" y="connsiteY25"/>
                    </a:cxn>
                    <a:cxn ang="0">
                      <a:pos x="connsiteX26" y="connsiteY26"/>
                    </a:cxn>
                  </a:cxnLst>
                  <a:rect l="l" t="t" r="r" b="b"/>
                  <a:pathLst>
                    <a:path w="463328" h="480657">
                      <a:moveTo>
                        <a:pt x="463329" y="236761"/>
                      </a:moveTo>
                      <a:lnTo>
                        <a:pt x="463329" y="228792"/>
                      </a:lnTo>
                      <a:cubicBezTo>
                        <a:pt x="460968" y="102307"/>
                        <a:pt x="358169" y="782"/>
                        <a:pt x="231664" y="0"/>
                      </a:cubicBezTo>
                      <a:lnTo>
                        <a:pt x="231664" y="0"/>
                      </a:lnTo>
                      <a:cubicBezTo>
                        <a:pt x="105160" y="782"/>
                        <a:pt x="2361" y="102307"/>
                        <a:pt x="0" y="228792"/>
                      </a:cubicBezTo>
                      <a:lnTo>
                        <a:pt x="0" y="236761"/>
                      </a:lnTo>
                      <a:cubicBezTo>
                        <a:pt x="847" y="264194"/>
                        <a:pt x="6298" y="291290"/>
                        <a:pt x="16124" y="316917"/>
                      </a:cubicBezTo>
                      <a:cubicBezTo>
                        <a:pt x="25503" y="341096"/>
                        <a:pt x="39122" y="363408"/>
                        <a:pt x="56341" y="382802"/>
                      </a:cubicBezTo>
                      <a:cubicBezTo>
                        <a:pt x="77561" y="405876"/>
                        <a:pt x="100728" y="450819"/>
                        <a:pt x="110550" y="470835"/>
                      </a:cubicBezTo>
                      <a:cubicBezTo>
                        <a:pt x="113554" y="476881"/>
                        <a:pt x="119737" y="480691"/>
                        <a:pt x="126489" y="480657"/>
                      </a:cubicBezTo>
                      <a:lnTo>
                        <a:pt x="336840" y="480657"/>
                      </a:lnTo>
                      <a:cubicBezTo>
                        <a:pt x="343592" y="480691"/>
                        <a:pt x="349774" y="476881"/>
                        <a:pt x="352778" y="470835"/>
                      </a:cubicBezTo>
                      <a:cubicBezTo>
                        <a:pt x="362601" y="450819"/>
                        <a:pt x="385767" y="405969"/>
                        <a:pt x="406988" y="382802"/>
                      </a:cubicBezTo>
                      <a:cubicBezTo>
                        <a:pt x="424207" y="363408"/>
                        <a:pt x="437826" y="341096"/>
                        <a:pt x="447205" y="316917"/>
                      </a:cubicBezTo>
                      <a:cubicBezTo>
                        <a:pt x="457031" y="291290"/>
                        <a:pt x="462482" y="264194"/>
                        <a:pt x="463329" y="236761"/>
                      </a:cubicBezTo>
                      <a:close/>
                      <a:moveTo>
                        <a:pt x="409953" y="235927"/>
                      </a:moveTo>
                      <a:cubicBezTo>
                        <a:pt x="409294" y="257221"/>
                        <a:pt x="405131" y="278259"/>
                        <a:pt x="397629" y="298198"/>
                      </a:cubicBezTo>
                      <a:cubicBezTo>
                        <a:pt x="390593" y="316154"/>
                        <a:pt x="380427" y="332720"/>
                        <a:pt x="367605" y="347126"/>
                      </a:cubicBezTo>
                      <a:cubicBezTo>
                        <a:pt x="347036" y="371612"/>
                        <a:pt x="329402" y="398420"/>
                        <a:pt x="315063" y="427004"/>
                      </a:cubicBezTo>
                      <a:lnTo>
                        <a:pt x="148265" y="427004"/>
                      </a:lnTo>
                      <a:cubicBezTo>
                        <a:pt x="134091" y="398346"/>
                        <a:pt x="116612" y="371444"/>
                        <a:pt x="96187" y="346848"/>
                      </a:cubicBezTo>
                      <a:cubicBezTo>
                        <a:pt x="83365" y="332442"/>
                        <a:pt x="73199" y="315876"/>
                        <a:pt x="66163" y="297920"/>
                      </a:cubicBezTo>
                      <a:cubicBezTo>
                        <a:pt x="58504" y="278008"/>
                        <a:pt x="54183" y="256969"/>
                        <a:pt x="53375" y="235649"/>
                      </a:cubicBezTo>
                      <a:lnTo>
                        <a:pt x="53375" y="228977"/>
                      </a:lnTo>
                      <a:cubicBezTo>
                        <a:pt x="55035" y="131678"/>
                        <a:pt x="134074" y="53502"/>
                        <a:pt x="231386" y="52912"/>
                      </a:cubicBezTo>
                      <a:lnTo>
                        <a:pt x="231386" y="52912"/>
                      </a:lnTo>
                      <a:cubicBezTo>
                        <a:pt x="328698" y="53502"/>
                        <a:pt x="407738" y="131678"/>
                        <a:pt x="409397" y="228977"/>
                      </a:cubicBezTo>
                      <a:close/>
                    </a:path>
                  </a:pathLst>
                </a:custGeom>
                <a:grpFill/>
                <a:ln w="9227" cap="flat">
                  <a:noFill/>
                  <a:prstDash val="solid"/>
                  <a:miter/>
                </a:ln>
              </p:spPr>
              <p:txBody>
                <a:bodyPr rtlCol="0" anchor="ctr"/>
                <a:lstStyle/>
                <a:p>
                  <a:endParaRPr lang="es-ES" sz="1800"/>
                </a:p>
              </p:txBody>
            </p:sp>
            <p:sp>
              <p:nvSpPr>
                <p:cNvPr id="81" name="Freeform: Shape 80">
                  <a:extLst>
                    <a:ext uri="{FF2B5EF4-FFF2-40B4-BE49-F238E27FC236}">
                      <a16:creationId xmlns:a16="http://schemas.microsoft.com/office/drawing/2014/main" id="{09D5A1C2-78CC-44DF-8163-04AD522DBCCA}"/>
                    </a:ext>
                  </a:extLst>
                </p:cNvPr>
                <p:cNvSpPr/>
                <p:nvPr/>
              </p:nvSpPr>
              <p:spPr>
                <a:xfrm rot="780000">
                  <a:off x="7661296" y="2566080"/>
                  <a:ext cx="146304" cy="365622"/>
                </a:xfrm>
                <a:custGeom>
                  <a:avLst/>
                  <a:gdLst>
                    <a:gd name="connsiteX0" fmla="*/ 155353 w 279177"/>
                    <a:gd name="connsiteY0" fmla="*/ 285750 h 609600"/>
                    <a:gd name="connsiteX1" fmla="*/ 155353 w 279177"/>
                    <a:gd name="connsiteY1" fmla="*/ 0 h 609600"/>
                    <a:gd name="connsiteX2" fmla="*/ 0 w 279177"/>
                    <a:gd name="connsiteY2" fmla="*/ 380714 h 609600"/>
                    <a:gd name="connsiteX3" fmla="*/ 136303 w 279177"/>
                    <a:gd name="connsiteY3" fmla="*/ 381000 h 609600"/>
                    <a:gd name="connsiteX4" fmla="*/ 136303 w 279177"/>
                    <a:gd name="connsiteY4" fmla="*/ 609600 h 609600"/>
                    <a:gd name="connsiteX5" fmla="*/ 279178 w 279177"/>
                    <a:gd name="connsiteY5" fmla="*/ 285750 h 609600"/>
                    <a:gd name="connsiteX6" fmla="*/ 155353 w 279177"/>
                    <a:gd name="connsiteY6" fmla="*/ 285750 h 609600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</a:cxnLst>
                  <a:rect l="l" t="t" r="r" b="b"/>
                  <a:pathLst>
                    <a:path w="279177" h="609600">
                      <a:moveTo>
                        <a:pt x="155353" y="285750"/>
                      </a:moveTo>
                      <a:lnTo>
                        <a:pt x="155353" y="0"/>
                      </a:lnTo>
                      <a:lnTo>
                        <a:pt x="0" y="380714"/>
                      </a:lnTo>
                      <a:lnTo>
                        <a:pt x="136303" y="381000"/>
                      </a:lnTo>
                      <a:lnTo>
                        <a:pt x="136303" y="609600"/>
                      </a:lnTo>
                      <a:lnTo>
                        <a:pt x="279178" y="285750"/>
                      </a:lnTo>
                      <a:lnTo>
                        <a:pt x="155353" y="285750"/>
                      </a:lnTo>
                      <a:close/>
                    </a:path>
                  </a:pathLst>
                </a:custGeom>
                <a:grpFill/>
                <a:ln w="9525" cap="flat">
                  <a:noFill/>
                  <a:prstDash val="solid"/>
                  <a:miter/>
                </a:ln>
              </p:spPr>
              <p:txBody>
                <a:bodyPr rtlCol="0" anchor="ctr"/>
                <a:lstStyle/>
                <a:p>
                  <a:endParaRPr lang="es-ES" sz="1800"/>
                </a:p>
              </p:txBody>
            </p:sp>
          </p:grpSp>
        </p:grpSp>
      </p:grpSp>
      <p:sp>
        <p:nvSpPr>
          <p:cNvPr id="2" name="TextBox 1">
            <a:extLst>
              <a:ext uri="{FF2B5EF4-FFF2-40B4-BE49-F238E27FC236}">
                <a16:creationId xmlns:a16="http://schemas.microsoft.com/office/drawing/2014/main" id="{D1339150-C8F2-45B1-82DF-5054DF535135}"/>
              </a:ext>
            </a:extLst>
          </p:cNvPr>
          <p:cNvSpPr txBox="1"/>
          <p:nvPr userDrawn="1"/>
        </p:nvSpPr>
        <p:spPr>
          <a:xfrm>
            <a:off x="6837077" y="880987"/>
            <a:ext cx="26459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>
                <a:latin typeface="+mj-lt"/>
              </a:rPr>
              <a:t>Link to spot illustrations:</a:t>
            </a:r>
          </a:p>
        </p:txBody>
      </p:sp>
      <p:sp>
        <p:nvSpPr>
          <p:cNvPr id="82" name="TextBox 81">
            <a:extLst>
              <a:ext uri="{FF2B5EF4-FFF2-40B4-BE49-F238E27FC236}">
                <a16:creationId xmlns:a16="http://schemas.microsoft.com/office/drawing/2014/main" id="{3049D06A-9852-49F8-A959-C6DF440D18F9}"/>
              </a:ext>
            </a:extLst>
          </p:cNvPr>
          <p:cNvSpPr txBox="1"/>
          <p:nvPr userDrawn="1"/>
        </p:nvSpPr>
        <p:spPr>
          <a:xfrm>
            <a:off x="6839747" y="1263529"/>
            <a:ext cx="26459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>
                <a:latin typeface="+mj-lt"/>
              </a:rPr>
              <a:t>Size of illustrations: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3305B1F9-82B7-4AA5-B996-04A581602131}"/>
              </a:ext>
            </a:extLst>
          </p:cNvPr>
          <p:cNvSpPr txBox="1"/>
          <p:nvPr userDrawn="1"/>
        </p:nvSpPr>
        <p:spPr>
          <a:xfrm>
            <a:off x="149620" y="4023799"/>
            <a:ext cx="30048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2400"/>
              <a:t>Body text: 24 px</a:t>
            </a:r>
          </a:p>
        </p:txBody>
      </p:sp>
      <p:sp>
        <p:nvSpPr>
          <p:cNvPr id="49" name="Rectangle 48">
            <a:extLst>
              <a:ext uri="{FF2B5EF4-FFF2-40B4-BE49-F238E27FC236}">
                <a16:creationId xmlns:a16="http://schemas.microsoft.com/office/drawing/2014/main" id="{EF00C63B-4B53-4C43-B258-1AEBEA656C43}"/>
              </a:ext>
            </a:extLst>
          </p:cNvPr>
          <p:cNvSpPr/>
          <p:nvPr userDrawn="1"/>
        </p:nvSpPr>
        <p:spPr>
          <a:xfrm>
            <a:off x="5600109" y="4139151"/>
            <a:ext cx="3323220" cy="3264901"/>
          </a:xfrm>
          <a:prstGeom prst="rect">
            <a:avLst/>
          </a:prstGeom>
          <a:solidFill>
            <a:srgbClr val="FFE9FE"/>
          </a:solidFill>
          <a:ln w="19050">
            <a:solidFill>
              <a:srgbClr val="F484EA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r>
              <a:rPr lang="es-ES" sz="1800">
                <a:solidFill>
                  <a:schemeClr val="tx1"/>
                </a:solidFill>
              </a:rPr>
              <a:t>3.24”</a:t>
            </a:r>
          </a:p>
        </p:txBody>
      </p:sp>
      <p:sp>
        <p:nvSpPr>
          <p:cNvPr id="50" name="Rectangle 49">
            <a:extLst>
              <a:ext uri="{FF2B5EF4-FFF2-40B4-BE49-F238E27FC236}">
                <a16:creationId xmlns:a16="http://schemas.microsoft.com/office/drawing/2014/main" id="{1FD48876-7FDA-4A61-87A0-501F43C7D534}"/>
              </a:ext>
            </a:extLst>
          </p:cNvPr>
          <p:cNvSpPr/>
          <p:nvPr userDrawn="1"/>
        </p:nvSpPr>
        <p:spPr>
          <a:xfrm>
            <a:off x="11733608" y="5928122"/>
            <a:ext cx="1496194" cy="1475925"/>
          </a:xfrm>
          <a:prstGeom prst="rect">
            <a:avLst/>
          </a:prstGeom>
          <a:solidFill>
            <a:srgbClr val="FFE9FE"/>
          </a:solidFill>
          <a:ln w="19050">
            <a:solidFill>
              <a:srgbClr val="F484EA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r>
              <a:rPr lang="es-ES" sz="1800">
                <a:solidFill>
                  <a:schemeClr val="tx1"/>
                </a:solidFill>
              </a:rPr>
              <a:t>1.46”</a:t>
            </a:r>
          </a:p>
        </p:txBody>
      </p:sp>
      <p:sp>
        <p:nvSpPr>
          <p:cNvPr id="51" name="Rectangle 50">
            <a:extLst>
              <a:ext uri="{FF2B5EF4-FFF2-40B4-BE49-F238E27FC236}">
                <a16:creationId xmlns:a16="http://schemas.microsoft.com/office/drawing/2014/main" id="{D18EB803-A416-465B-AEF4-C8D9650DA429}"/>
              </a:ext>
            </a:extLst>
          </p:cNvPr>
          <p:cNvSpPr/>
          <p:nvPr userDrawn="1"/>
        </p:nvSpPr>
        <p:spPr>
          <a:xfrm>
            <a:off x="9135897" y="5278581"/>
            <a:ext cx="2163438" cy="2125471"/>
          </a:xfrm>
          <a:prstGeom prst="rect">
            <a:avLst/>
          </a:prstGeom>
          <a:solidFill>
            <a:srgbClr val="FFE9FE"/>
          </a:solidFill>
          <a:ln w="19050">
            <a:solidFill>
              <a:srgbClr val="F484EA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r>
              <a:rPr lang="es-ES" sz="1800">
                <a:solidFill>
                  <a:schemeClr val="tx1"/>
                </a:solidFill>
              </a:rPr>
              <a:t>2.11”</a:t>
            </a:r>
          </a:p>
        </p:txBody>
      </p:sp>
      <p:sp>
        <p:nvSpPr>
          <p:cNvPr id="52" name="Rectangle 51">
            <a:extLst>
              <a:ext uri="{FF2B5EF4-FFF2-40B4-BE49-F238E27FC236}">
                <a16:creationId xmlns:a16="http://schemas.microsoft.com/office/drawing/2014/main" id="{B6FC6BC4-26CA-429F-964A-0E99B631A37E}"/>
              </a:ext>
            </a:extLst>
          </p:cNvPr>
          <p:cNvSpPr/>
          <p:nvPr userDrawn="1"/>
        </p:nvSpPr>
        <p:spPr>
          <a:xfrm>
            <a:off x="9048974" y="548336"/>
            <a:ext cx="4634891" cy="4556109"/>
          </a:xfrm>
          <a:prstGeom prst="rect">
            <a:avLst/>
          </a:prstGeom>
          <a:solidFill>
            <a:srgbClr val="FFE9FE"/>
          </a:solidFill>
          <a:ln w="19050">
            <a:solidFill>
              <a:srgbClr val="F484EA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800">
                <a:solidFill>
                  <a:schemeClr val="tx1"/>
                </a:solidFill>
              </a:rPr>
              <a:t>4.52”</a:t>
            </a:r>
          </a:p>
        </p:txBody>
      </p:sp>
    </p:spTree>
    <p:extLst>
      <p:ext uri="{BB962C8B-B14F-4D97-AF65-F5344CB8AC3E}">
        <p14:creationId xmlns:p14="http://schemas.microsoft.com/office/powerpoint/2010/main" val="1747269202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B0D65C6-20D1-4590-A8F9-0FB10AE6834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6207F92D-C74E-4B4A-BEE1-5A84DFB616E7}"/>
              </a:ext>
            </a:extLst>
          </p:cNvPr>
          <p:cNvSpPr/>
          <p:nvPr userDrawn="1"/>
        </p:nvSpPr>
        <p:spPr>
          <a:xfrm>
            <a:off x="4829827" y="2414423"/>
            <a:ext cx="3323220" cy="3264901"/>
          </a:xfrm>
          <a:prstGeom prst="rect">
            <a:avLst/>
          </a:prstGeom>
          <a:solidFill>
            <a:srgbClr val="FFE9FE"/>
          </a:solidFill>
          <a:ln w="19050">
            <a:solidFill>
              <a:srgbClr val="F484EA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8FE6E142-EFDB-42FA-887D-BD694147181F}"/>
              </a:ext>
            </a:extLst>
          </p:cNvPr>
          <p:cNvSpPr/>
          <p:nvPr userDrawn="1"/>
        </p:nvSpPr>
        <p:spPr>
          <a:xfrm>
            <a:off x="616396" y="3308906"/>
            <a:ext cx="1496194" cy="1475925"/>
          </a:xfrm>
          <a:prstGeom prst="rect">
            <a:avLst/>
          </a:prstGeom>
          <a:solidFill>
            <a:srgbClr val="FFE9FE"/>
          </a:solidFill>
          <a:ln w="19050">
            <a:solidFill>
              <a:srgbClr val="F484EA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90E59AED-7068-47AF-B22E-2CCC21A95C99}"/>
              </a:ext>
            </a:extLst>
          </p:cNvPr>
          <p:cNvSpPr/>
          <p:nvPr userDrawn="1"/>
        </p:nvSpPr>
        <p:spPr>
          <a:xfrm>
            <a:off x="2385140" y="2984138"/>
            <a:ext cx="2163438" cy="2125471"/>
          </a:xfrm>
          <a:prstGeom prst="rect">
            <a:avLst/>
          </a:prstGeom>
          <a:solidFill>
            <a:srgbClr val="FFE9FE"/>
          </a:solidFill>
          <a:ln w="19050">
            <a:solidFill>
              <a:srgbClr val="F484EA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E64DB0D0-477F-4F24-8C17-38D695C462FE}"/>
              </a:ext>
            </a:extLst>
          </p:cNvPr>
          <p:cNvSpPr/>
          <p:nvPr userDrawn="1"/>
        </p:nvSpPr>
        <p:spPr>
          <a:xfrm>
            <a:off x="8425598" y="1768819"/>
            <a:ext cx="4634891" cy="4556109"/>
          </a:xfrm>
          <a:prstGeom prst="rect">
            <a:avLst/>
          </a:prstGeom>
          <a:solidFill>
            <a:srgbClr val="FFE9FE"/>
          </a:solidFill>
          <a:ln w="19050">
            <a:solidFill>
              <a:srgbClr val="F484EA"/>
            </a:solidFill>
            <a:prstDash val="dash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8C878530-2C8B-4854-89A6-DE711F6832A1}"/>
              </a:ext>
            </a:extLst>
          </p:cNvPr>
          <p:cNvSpPr txBox="1"/>
          <p:nvPr userDrawn="1"/>
        </p:nvSpPr>
        <p:spPr>
          <a:xfrm>
            <a:off x="616397" y="4799883"/>
            <a:ext cx="1487494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ctr">
              <a:buClr>
                <a:srgbClr val="008CCF"/>
              </a:buClr>
              <a:buFontTx/>
              <a:buNone/>
            </a:pPr>
            <a:r>
              <a:rPr lang="es-ES" sz="1400"/>
              <a:t>140px – 1.46”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D9B22D8C-E3C0-41D0-818B-0604B4632B59}"/>
              </a:ext>
            </a:extLst>
          </p:cNvPr>
          <p:cNvSpPr txBox="1"/>
          <p:nvPr userDrawn="1"/>
        </p:nvSpPr>
        <p:spPr>
          <a:xfrm>
            <a:off x="2393911" y="5173071"/>
            <a:ext cx="215466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ctr">
              <a:buClr>
                <a:srgbClr val="008CCF"/>
              </a:buClr>
              <a:buFontTx/>
              <a:buNone/>
            </a:pPr>
            <a:r>
              <a:rPr lang="es-ES" sz="1400"/>
              <a:t>210px – 2.11</a:t>
            </a:r>
            <a:r>
              <a:rPr lang="es-ES" sz="1600"/>
              <a:t>”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15325DE4-34EB-44C8-B001-2717A6B5BB11}"/>
              </a:ext>
            </a:extLst>
          </p:cNvPr>
          <p:cNvSpPr txBox="1"/>
          <p:nvPr userDrawn="1"/>
        </p:nvSpPr>
        <p:spPr>
          <a:xfrm>
            <a:off x="4829827" y="5664281"/>
            <a:ext cx="3323220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ctr">
              <a:buClr>
                <a:srgbClr val="008CCF"/>
              </a:buClr>
              <a:buFontTx/>
              <a:buNone/>
            </a:pPr>
            <a:r>
              <a:rPr lang="es-ES" sz="1400"/>
              <a:t>300px – 3.24”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50332FB7-3115-44A5-9551-4419DED55F59}"/>
              </a:ext>
            </a:extLst>
          </p:cNvPr>
          <p:cNvSpPr txBox="1"/>
          <p:nvPr userDrawn="1"/>
        </p:nvSpPr>
        <p:spPr>
          <a:xfrm>
            <a:off x="8425598" y="6262522"/>
            <a:ext cx="4634891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ctr">
              <a:buClr>
                <a:srgbClr val="008CCF"/>
              </a:buClr>
              <a:buFontTx/>
              <a:buNone/>
            </a:pPr>
            <a:r>
              <a:rPr lang="es-ES" sz="1400"/>
              <a:t>450px – 4.52”</a:t>
            </a:r>
          </a:p>
        </p:txBody>
      </p:sp>
    </p:spTree>
    <p:extLst>
      <p:ext uri="{BB962C8B-B14F-4D97-AF65-F5344CB8AC3E}">
        <p14:creationId xmlns:p14="http://schemas.microsoft.com/office/powerpoint/2010/main" val="2420676370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iagram examp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56E50107-E925-42AA-AB65-DC21D88B0E43}"/>
              </a:ext>
            </a:extLst>
          </p:cNvPr>
          <p:cNvSpPr/>
          <p:nvPr userDrawn="1"/>
        </p:nvSpPr>
        <p:spPr>
          <a:xfrm>
            <a:off x="5177687" y="545976"/>
            <a:ext cx="3324116" cy="705570"/>
          </a:xfrm>
          <a:prstGeom prst="roundRect">
            <a:avLst>
              <a:gd name="adj" fmla="val 11550"/>
            </a:avLst>
          </a:prstGeom>
          <a:solidFill>
            <a:schemeClr val="accent1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800"/>
              <a:t>Data categories</a:t>
            </a:r>
          </a:p>
        </p:txBody>
      </p:sp>
      <p:sp>
        <p:nvSpPr>
          <p:cNvPr id="19" name="Rectangle: Rounded Corners 18">
            <a:extLst>
              <a:ext uri="{FF2B5EF4-FFF2-40B4-BE49-F238E27FC236}">
                <a16:creationId xmlns:a16="http://schemas.microsoft.com/office/drawing/2014/main" id="{F9572629-2846-4135-B57D-BBDC7AF94DDB}"/>
              </a:ext>
            </a:extLst>
          </p:cNvPr>
          <p:cNvSpPr/>
          <p:nvPr userDrawn="1"/>
        </p:nvSpPr>
        <p:spPr>
          <a:xfrm>
            <a:off x="3012907" y="1719047"/>
            <a:ext cx="2164779" cy="705570"/>
          </a:xfrm>
          <a:prstGeom prst="roundRect">
            <a:avLst>
              <a:gd name="adj" fmla="val 11550"/>
            </a:avLst>
          </a:prstGeom>
          <a:solidFill>
            <a:schemeClr val="accent1"/>
          </a:solidFill>
          <a:ln w="28575">
            <a:solidFill>
              <a:srgbClr val="008CC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800"/>
              <a:t>Numerical</a:t>
            </a:r>
          </a:p>
        </p:txBody>
      </p:sp>
      <p:sp>
        <p:nvSpPr>
          <p:cNvPr id="20" name="Rectangle: Rounded Corners 19">
            <a:extLst>
              <a:ext uri="{FF2B5EF4-FFF2-40B4-BE49-F238E27FC236}">
                <a16:creationId xmlns:a16="http://schemas.microsoft.com/office/drawing/2014/main" id="{BAE742E1-03B8-4DEC-91AE-995DA958F36E}"/>
              </a:ext>
            </a:extLst>
          </p:cNvPr>
          <p:cNvSpPr/>
          <p:nvPr userDrawn="1"/>
        </p:nvSpPr>
        <p:spPr>
          <a:xfrm>
            <a:off x="5757357" y="1719047"/>
            <a:ext cx="2164779" cy="705570"/>
          </a:xfrm>
          <a:prstGeom prst="roundRect">
            <a:avLst>
              <a:gd name="adj" fmla="val 11550"/>
            </a:avLst>
          </a:prstGeom>
          <a:solidFill>
            <a:schemeClr val="accent2"/>
          </a:solid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800"/>
              <a:t>Anonymous individualized</a:t>
            </a:r>
          </a:p>
        </p:txBody>
      </p:sp>
      <p:sp>
        <p:nvSpPr>
          <p:cNvPr id="21" name="Rectangle: Rounded Corners 20">
            <a:extLst>
              <a:ext uri="{FF2B5EF4-FFF2-40B4-BE49-F238E27FC236}">
                <a16:creationId xmlns:a16="http://schemas.microsoft.com/office/drawing/2014/main" id="{15CB3618-DC3D-46D9-941C-57FA575AE3D2}"/>
              </a:ext>
            </a:extLst>
          </p:cNvPr>
          <p:cNvSpPr/>
          <p:nvPr userDrawn="1"/>
        </p:nvSpPr>
        <p:spPr>
          <a:xfrm>
            <a:off x="8414596" y="1719047"/>
            <a:ext cx="2164779" cy="705570"/>
          </a:xfrm>
          <a:prstGeom prst="roundRect">
            <a:avLst>
              <a:gd name="adj" fmla="val 11550"/>
            </a:avLst>
          </a:prstGeom>
          <a:solidFill>
            <a:schemeClr val="accent1"/>
          </a:solidFill>
          <a:ln w="28575">
            <a:solidFill>
              <a:srgbClr val="008CC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800"/>
              <a:t>Individual with identifier</a:t>
            </a:r>
          </a:p>
        </p:txBody>
      </p:sp>
      <p:cxnSp>
        <p:nvCxnSpPr>
          <p:cNvPr id="26" name="Connector: Elbow 25">
            <a:extLst>
              <a:ext uri="{FF2B5EF4-FFF2-40B4-BE49-F238E27FC236}">
                <a16:creationId xmlns:a16="http://schemas.microsoft.com/office/drawing/2014/main" id="{515C36BA-BA25-49D3-BD10-2EEB7442ADAF}"/>
              </a:ext>
            </a:extLst>
          </p:cNvPr>
          <p:cNvCxnSpPr>
            <a:stCxn id="14" idx="2"/>
            <a:endCxn id="21" idx="0"/>
          </p:cNvCxnSpPr>
          <p:nvPr userDrawn="1"/>
        </p:nvCxnSpPr>
        <p:spPr>
          <a:xfrm rot="16200000" flipH="1">
            <a:off x="7934614" y="156677"/>
            <a:ext cx="467501" cy="2657241"/>
          </a:xfrm>
          <a:prstGeom prst="bentConnector3">
            <a:avLst>
              <a:gd name="adj1" fmla="val 40346"/>
            </a:avLst>
          </a:prstGeom>
          <a:ln w="22225" cap="rnd">
            <a:solidFill>
              <a:srgbClr val="276696"/>
            </a:solidFill>
            <a:prstDash val="solid"/>
            <a:headEnd type="none" w="lg" len="lg"/>
            <a:tailEnd type="triangl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Connector: Elbow 27">
            <a:extLst>
              <a:ext uri="{FF2B5EF4-FFF2-40B4-BE49-F238E27FC236}">
                <a16:creationId xmlns:a16="http://schemas.microsoft.com/office/drawing/2014/main" id="{12D81646-C609-48BA-9223-AF4CA747C80D}"/>
              </a:ext>
            </a:extLst>
          </p:cNvPr>
          <p:cNvCxnSpPr>
            <a:stCxn id="14" idx="2"/>
            <a:endCxn id="19" idx="0"/>
          </p:cNvCxnSpPr>
          <p:nvPr userDrawn="1"/>
        </p:nvCxnSpPr>
        <p:spPr>
          <a:xfrm rot="5400000">
            <a:off x="5233770" y="113073"/>
            <a:ext cx="467501" cy="2744447"/>
          </a:xfrm>
          <a:prstGeom prst="bentConnector3">
            <a:avLst>
              <a:gd name="adj1" fmla="val 40346"/>
            </a:avLst>
          </a:prstGeom>
          <a:ln w="22225" cap="rnd">
            <a:solidFill>
              <a:srgbClr val="276696"/>
            </a:solidFill>
            <a:prstDash val="solid"/>
            <a:headEnd type="none" w="lg" len="lg"/>
            <a:tailEnd type="triangl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Straight Arrow Connector 29">
            <a:extLst>
              <a:ext uri="{FF2B5EF4-FFF2-40B4-BE49-F238E27FC236}">
                <a16:creationId xmlns:a16="http://schemas.microsoft.com/office/drawing/2014/main" id="{1D5BB1F6-5B34-4536-9007-53CFB90DC3D6}"/>
              </a:ext>
            </a:extLst>
          </p:cNvPr>
          <p:cNvCxnSpPr>
            <a:stCxn id="14" idx="2"/>
            <a:endCxn id="20" idx="0"/>
          </p:cNvCxnSpPr>
          <p:nvPr userDrawn="1"/>
        </p:nvCxnSpPr>
        <p:spPr>
          <a:xfrm>
            <a:off x="6839744" y="1251546"/>
            <a:ext cx="0" cy="467501"/>
          </a:xfrm>
          <a:prstGeom prst="straightConnector1">
            <a:avLst/>
          </a:prstGeom>
          <a:ln w="22225" cap="rnd">
            <a:solidFill>
              <a:srgbClr val="276696"/>
            </a:solidFill>
            <a:prstDash val="solid"/>
            <a:headEnd type="none" w="lg" len="lg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3" name="TextBox 32">
            <a:extLst>
              <a:ext uri="{FF2B5EF4-FFF2-40B4-BE49-F238E27FC236}">
                <a16:creationId xmlns:a16="http://schemas.microsoft.com/office/drawing/2014/main" id="{97BF0EAD-1D9F-4E0C-B489-16A1050EB5FF}"/>
              </a:ext>
            </a:extLst>
          </p:cNvPr>
          <p:cNvSpPr txBox="1"/>
          <p:nvPr userDrawn="1"/>
        </p:nvSpPr>
        <p:spPr>
          <a:xfrm>
            <a:off x="235538" y="2270698"/>
            <a:ext cx="2864579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Arrows: Format shape: line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Solid line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Color: #276696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Width: 1.75 pt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Cap type: Round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Join Type: Round</a:t>
            </a:r>
          </a:p>
        </p:txBody>
      </p:sp>
      <p:sp>
        <p:nvSpPr>
          <p:cNvPr id="36" name="TextBox 35">
            <a:extLst>
              <a:ext uri="{FF2B5EF4-FFF2-40B4-BE49-F238E27FC236}">
                <a16:creationId xmlns:a16="http://schemas.microsoft.com/office/drawing/2014/main" id="{77190980-140B-46D8-A99C-EE1BE458795C}"/>
              </a:ext>
            </a:extLst>
          </p:cNvPr>
          <p:cNvSpPr txBox="1"/>
          <p:nvPr userDrawn="1"/>
        </p:nvSpPr>
        <p:spPr>
          <a:xfrm>
            <a:off x="4242492" y="2935969"/>
            <a:ext cx="3679642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Rectangle Rounded Corners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No outline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Height: 0.77”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Width: 2.11”  or  3.24”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Base color: #008CCF</a:t>
            </a:r>
          </a:p>
          <a:p>
            <a:pPr marL="0" indent="0" algn="l">
              <a:buClr>
                <a:srgbClr val="008CCF"/>
              </a:buClr>
              <a:buFont typeface="Rubik" pitchFamily="2" charset="-79"/>
              <a:buNone/>
            </a:pPr>
            <a:r>
              <a:rPr lang="es-ES" sz="1400"/>
              <a:t>Accent color: #FF8F02 (for signaling)</a:t>
            </a:r>
          </a:p>
        </p:txBody>
      </p:sp>
      <p:sp>
        <p:nvSpPr>
          <p:cNvPr id="38" name="Rectangle: Rounded Corners 37">
            <a:extLst>
              <a:ext uri="{FF2B5EF4-FFF2-40B4-BE49-F238E27FC236}">
                <a16:creationId xmlns:a16="http://schemas.microsoft.com/office/drawing/2014/main" id="{4C44EF59-B128-4EFC-9F1D-A59C78B436BD}"/>
              </a:ext>
            </a:extLst>
          </p:cNvPr>
          <p:cNvSpPr/>
          <p:nvPr userDrawn="1"/>
        </p:nvSpPr>
        <p:spPr>
          <a:xfrm>
            <a:off x="4393955" y="4752186"/>
            <a:ext cx="2164779" cy="705570"/>
          </a:xfrm>
          <a:prstGeom prst="roundRect">
            <a:avLst>
              <a:gd name="adj" fmla="val 11550"/>
            </a:avLst>
          </a:prstGeom>
          <a:solidFill>
            <a:schemeClr val="accent1"/>
          </a:solid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800"/>
              <a:t>2.11”</a:t>
            </a:r>
          </a:p>
        </p:txBody>
      </p:sp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FBC0F4EB-965B-4908-AA16-3DAF67C6DB42}"/>
              </a:ext>
            </a:extLst>
          </p:cNvPr>
          <p:cNvSpPr/>
          <p:nvPr userDrawn="1"/>
        </p:nvSpPr>
        <p:spPr>
          <a:xfrm>
            <a:off x="6839744" y="4752186"/>
            <a:ext cx="3324116" cy="705570"/>
          </a:xfrm>
          <a:prstGeom prst="roundRect">
            <a:avLst>
              <a:gd name="adj" fmla="val 11550"/>
            </a:avLst>
          </a:prstGeom>
          <a:solidFill>
            <a:schemeClr val="accent1"/>
          </a:solid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800"/>
              <a:t>3.24”</a:t>
            </a:r>
          </a:p>
        </p:txBody>
      </p:sp>
      <p:sp>
        <p:nvSpPr>
          <p:cNvPr id="40" name="Rectangle: Rounded Corners 39">
            <a:extLst>
              <a:ext uri="{FF2B5EF4-FFF2-40B4-BE49-F238E27FC236}">
                <a16:creationId xmlns:a16="http://schemas.microsoft.com/office/drawing/2014/main" id="{B909E155-BDBC-40A8-ADB5-3E9B2147996B}"/>
              </a:ext>
            </a:extLst>
          </p:cNvPr>
          <p:cNvSpPr/>
          <p:nvPr userDrawn="1"/>
        </p:nvSpPr>
        <p:spPr>
          <a:xfrm>
            <a:off x="4393955" y="5602559"/>
            <a:ext cx="2164779" cy="705570"/>
          </a:xfrm>
          <a:prstGeom prst="roundRect">
            <a:avLst>
              <a:gd name="adj" fmla="val 11550"/>
            </a:avLst>
          </a:prstGeom>
          <a:solidFill>
            <a:schemeClr val="accent2"/>
          </a:solid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800"/>
              <a:t>2.11”</a:t>
            </a:r>
          </a:p>
        </p:txBody>
      </p:sp>
      <p:sp>
        <p:nvSpPr>
          <p:cNvPr id="41" name="Rectangle: Rounded Corners 40">
            <a:extLst>
              <a:ext uri="{FF2B5EF4-FFF2-40B4-BE49-F238E27FC236}">
                <a16:creationId xmlns:a16="http://schemas.microsoft.com/office/drawing/2014/main" id="{4D0077EA-C0E8-44FE-BC88-7B3D8208183B}"/>
              </a:ext>
            </a:extLst>
          </p:cNvPr>
          <p:cNvSpPr/>
          <p:nvPr userDrawn="1"/>
        </p:nvSpPr>
        <p:spPr>
          <a:xfrm>
            <a:off x="6839744" y="5602559"/>
            <a:ext cx="3324116" cy="705570"/>
          </a:xfrm>
          <a:prstGeom prst="roundRect">
            <a:avLst>
              <a:gd name="adj" fmla="val 11550"/>
            </a:avLst>
          </a:prstGeom>
          <a:solidFill>
            <a:schemeClr val="accent2"/>
          </a:solidFill>
          <a:ln w="28575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1800"/>
              <a:t>3.24”</a:t>
            </a:r>
          </a:p>
        </p:txBody>
      </p:sp>
      <p:pic>
        <p:nvPicPr>
          <p:cNvPr id="43" name="Picture 42">
            <a:extLst>
              <a:ext uri="{FF2B5EF4-FFF2-40B4-BE49-F238E27FC236}">
                <a16:creationId xmlns:a16="http://schemas.microsoft.com/office/drawing/2014/main" id="{59C052B6-CC0D-48F9-8AF7-262F335D16BB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384736" y="4190465"/>
            <a:ext cx="1111458" cy="1123452"/>
          </a:xfrm>
          <a:prstGeom prst="rect">
            <a:avLst/>
          </a:prstGeom>
        </p:spPr>
      </p:pic>
      <p:pic>
        <p:nvPicPr>
          <p:cNvPr id="45" name="Picture 44">
            <a:extLst>
              <a:ext uri="{FF2B5EF4-FFF2-40B4-BE49-F238E27FC236}">
                <a16:creationId xmlns:a16="http://schemas.microsoft.com/office/drawing/2014/main" id="{F5E21AE6-EF77-41C0-A48B-AEA8B77F97FC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348901" y="6042494"/>
            <a:ext cx="1132833" cy="1102453"/>
          </a:xfrm>
          <a:prstGeom prst="rect">
            <a:avLst/>
          </a:prstGeom>
        </p:spPr>
      </p:pic>
      <p:pic>
        <p:nvPicPr>
          <p:cNvPr id="47" name="Picture 46">
            <a:extLst>
              <a:ext uri="{FF2B5EF4-FFF2-40B4-BE49-F238E27FC236}">
                <a16:creationId xmlns:a16="http://schemas.microsoft.com/office/drawing/2014/main" id="{36A9782C-C2C8-481B-85B5-59F8729310BA}"/>
              </a:ext>
            </a:extLst>
          </p:cNvPr>
          <p:cNvPicPr>
            <a:picLocks noChangeAspect="1"/>
          </p:cNvPicPr>
          <p:nvPr userDrawn="1"/>
        </p:nvPicPr>
        <p:blipFill>
          <a:blip r:embed="rId4"/>
          <a:stretch>
            <a:fillRect/>
          </a:stretch>
        </p:blipFill>
        <p:spPr>
          <a:xfrm>
            <a:off x="2263613" y="6057768"/>
            <a:ext cx="1100771" cy="1417439"/>
          </a:xfrm>
          <a:prstGeom prst="rect">
            <a:avLst/>
          </a:prstGeom>
        </p:spPr>
      </p:pic>
      <p:cxnSp>
        <p:nvCxnSpPr>
          <p:cNvPr id="49" name="Straight Arrow Connector 48">
            <a:extLst>
              <a:ext uri="{FF2B5EF4-FFF2-40B4-BE49-F238E27FC236}">
                <a16:creationId xmlns:a16="http://schemas.microsoft.com/office/drawing/2014/main" id="{AA8D6D59-513D-4EAA-BFA6-42327999B8DF}"/>
              </a:ext>
            </a:extLst>
          </p:cNvPr>
          <p:cNvCxnSpPr/>
          <p:nvPr userDrawn="1"/>
        </p:nvCxnSpPr>
        <p:spPr>
          <a:xfrm>
            <a:off x="2695063" y="3069002"/>
            <a:ext cx="872833" cy="0"/>
          </a:xfrm>
          <a:prstGeom prst="straightConnector1">
            <a:avLst/>
          </a:prstGeom>
          <a:ln w="22225" cap="rnd">
            <a:solidFill>
              <a:srgbClr val="276696"/>
            </a:solidFill>
            <a:prstDash val="solid"/>
            <a:headEnd type="none" w="lg" len="lg"/>
            <a:tailEnd type="triangl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0" name="TextBox 49">
            <a:extLst>
              <a:ext uri="{FF2B5EF4-FFF2-40B4-BE49-F238E27FC236}">
                <a16:creationId xmlns:a16="http://schemas.microsoft.com/office/drawing/2014/main" id="{CC6CCB52-4E3F-4759-B19D-00553EEDF486}"/>
              </a:ext>
            </a:extLst>
          </p:cNvPr>
          <p:cNvSpPr txBox="1"/>
          <p:nvPr userDrawn="1"/>
        </p:nvSpPr>
        <p:spPr>
          <a:xfrm>
            <a:off x="206450" y="3824298"/>
            <a:ext cx="1900248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l">
              <a:buClr>
                <a:srgbClr val="008CCF"/>
              </a:buClr>
              <a:buFontTx/>
              <a:buNone/>
            </a:pPr>
            <a:r>
              <a:rPr lang="es-ES" sz="1400"/>
              <a:t>Begin arrow type</a:t>
            </a:r>
          </a:p>
        </p:txBody>
      </p:sp>
      <p:sp>
        <p:nvSpPr>
          <p:cNvPr id="51" name="TextBox 50">
            <a:extLst>
              <a:ext uri="{FF2B5EF4-FFF2-40B4-BE49-F238E27FC236}">
                <a16:creationId xmlns:a16="http://schemas.microsoft.com/office/drawing/2014/main" id="{3150727B-6F6E-4050-B297-7DBE5929C8F7}"/>
              </a:ext>
            </a:extLst>
          </p:cNvPr>
          <p:cNvSpPr txBox="1"/>
          <p:nvPr userDrawn="1"/>
        </p:nvSpPr>
        <p:spPr>
          <a:xfrm>
            <a:off x="222856" y="5718500"/>
            <a:ext cx="1900248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l">
              <a:buClr>
                <a:srgbClr val="008CCF"/>
              </a:buClr>
              <a:buFontTx/>
              <a:buNone/>
            </a:pPr>
            <a:r>
              <a:rPr lang="es-ES" sz="1400"/>
              <a:t>End arrow type</a:t>
            </a:r>
          </a:p>
        </p:txBody>
      </p:sp>
      <p:sp>
        <p:nvSpPr>
          <p:cNvPr id="52" name="TextBox 51">
            <a:extLst>
              <a:ext uri="{FF2B5EF4-FFF2-40B4-BE49-F238E27FC236}">
                <a16:creationId xmlns:a16="http://schemas.microsoft.com/office/drawing/2014/main" id="{D3861D51-CB20-4675-964D-CB1CB0BE748E}"/>
              </a:ext>
            </a:extLst>
          </p:cNvPr>
          <p:cNvSpPr txBox="1"/>
          <p:nvPr userDrawn="1"/>
        </p:nvSpPr>
        <p:spPr>
          <a:xfrm>
            <a:off x="2062783" y="5755071"/>
            <a:ext cx="1900248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l">
              <a:buClr>
                <a:srgbClr val="008CCF"/>
              </a:buClr>
              <a:buFontTx/>
              <a:buNone/>
            </a:pPr>
            <a:r>
              <a:rPr lang="es-ES" sz="1400"/>
              <a:t>End arrow size</a:t>
            </a:r>
          </a:p>
        </p:txBody>
      </p:sp>
      <p:pic>
        <p:nvPicPr>
          <p:cNvPr id="54" name="Picture 53">
            <a:extLst>
              <a:ext uri="{FF2B5EF4-FFF2-40B4-BE49-F238E27FC236}">
                <a16:creationId xmlns:a16="http://schemas.microsoft.com/office/drawing/2014/main" id="{8414D027-1A1B-4EF7-A208-213124209E4E}"/>
              </a:ext>
            </a:extLst>
          </p:cNvPr>
          <p:cNvPicPr>
            <a:picLocks noChangeAspect="1"/>
          </p:cNvPicPr>
          <p:nvPr userDrawn="1"/>
        </p:nvPicPr>
        <p:blipFill>
          <a:blip r:embed="rId5"/>
          <a:stretch>
            <a:fillRect/>
          </a:stretch>
        </p:blipFill>
        <p:spPr>
          <a:xfrm>
            <a:off x="2317841" y="4190459"/>
            <a:ext cx="1111458" cy="1427939"/>
          </a:xfrm>
          <a:prstGeom prst="rect">
            <a:avLst/>
          </a:prstGeom>
        </p:spPr>
      </p:pic>
      <p:sp>
        <p:nvSpPr>
          <p:cNvPr id="55" name="TextBox 54">
            <a:extLst>
              <a:ext uri="{FF2B5EF4-FFF2-40B4-BE49-F238E27FC236}">
                <a16:creationId xmlns:a16="http://schemas.microsoft.com/office/drawing/2014/main" id="{2574BD4D-D293-4EBB-AD2E-49F05D08B545}"/>
              </a:ext>
            </a:extLst>
          </p:cNvPr>
          <p:cNvSpPr txBox="1"/>
          <p:nvPr userDrawn="1"/>
        </p:nvSpPr>
        <p:spPr>
          <a:xfrm>
            <a:off x="2149990" y="3882923"/>
            <a:ext cx="1900248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indent="0" algn="l">
              <a:buClr>
                <a:srgbClr val="008CCF"/>
              </a:buClr>
              <a:buFontTx/>
              <a:buNone/>
            </a:pPr>
            <a:r>
              <a:rPr lang="es-ES" sz="1400"/>
              <a:t>Begin arrow size</a:t>
            </a:r>
          </a:p>
        </p:txBody>
      </p:sp>
    </p:spTree>
    <p:extLst>
      <p:ext uri="{BB962C8B-B14F-4D97-AF65-F5344CB8AC3E}">
        <p14:creationId xmlns:p14="http://schemas.microsoft.com/office/powerpoint/2010/main" val="326949333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NIMATED Goals / TOC 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85B147F8-73C9-4374-A415-FD575123A9DE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67E17B49-D2B0-4E73-89CD-D348316EBD78}"/>
              </a:ext>
            </a:extLst>
          </p:cNvPr>
          <p:cNvGrpSpPr/>
          <p:nvPr userDrawn="1"/>
        </p:nvGrpSpPr>
        <p:grpSpPr>
          <a:xfrm>
            <a:off x="12231016" y="548197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10" name="Graphic 9" descr="Bullseye with solid fill">
              <a:extLst>
                <a:ext uri="{FF2B5EF4-FFF2-40B4-BE49-F238E27FC236}">
                  <a16:creationId xmlns:a16="http://schemas.microsoft.com/office/drawing/2014/main" id="{40FAE331-E4B0-4E81-B27A-55BD110F5A9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"/>
                </a:ext>
              </a:extLst>
            </a:blip>
            <a:stretch>
              <a:fillRect/>
            </a:stretch>
          </p:blipFill>
          <p:spPr>
            <a:xfrm>
              <a:off x="10994582" y="605613"/>
              <a:ext cx="617573" cy="617573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821453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3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3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3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2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3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11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7" dur="500" fill="hold"/>
                                            <p:tgtEl>
                                              <p:spTgt spid="11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8" dur="500" fill="hold"/>
                                            <p:tgtEl>
                                              <p:spTgt spid="11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2" grpId="0"/>
          <p:bldP spid="3" grpId="0" animBg="1"/>
        </p:bldLst>
      </p:timing>
    </mc:Choice>
    <mc:Fallback xmlns="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3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3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3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2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3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11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7" dur="500" fill="hold"/>
                                            <p:tgtEl>
                                              <p:spTgt spid="11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8" dur="500" fill="hold"/>
                                            <p:tgtEl>
                                              <p:spTgt spid="11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2" grpId="0"/>
          <p:bldP spid="3" grpId="0" animBg="1"/>
        </p:bldLst>
      </p:timing>
    </mc:Fallback>
  </mc:AlternateConten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mage Siz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>
            <a:extLst>
              <a:ext uri="{FF2B5EF4-FFF2-40B4-BE49-F238E27FC236}">
                <a16:creationId xmlns:a16="http://schemas.microsoft.com/office/drawing/2014/main" id="{F202A3E2-66F3-4474-B53F-1810941F757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rgbClr val="008CC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8FCCE61B-3759-4AE0-B76A-D51AD3C62181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rgbClr val="008CC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pic>
        <p:nvPicPr>
          <p:cNvPr id="5" name="Picture 4" descr="Icon&#10;&#10;Description automatically generated with medium confidence">
            <a:extLst>
              <a:ext uri="{FF2B5EF4-FFF2-40B4-BE49-F238E27FC236}">
                <a16:creationId xmlns:a16="http://schemas.microsoft.com/office/drawing/2014/main" id="{E8C0FAC5-932F-4439-B934-AA2996645FB2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9000" y="3293864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6" name="Picture 5" descr="Icon&#10;&#10;Description automatically generated with medium confidence">
            <a:extLst>
              <a:ext uri="{FF2B5EF4-FFF2-40B4-BE49-F238E27FC236}">
                <a16:creationId xmlns:a16="http://schemas.microsoft.com/office/drawing/2014/main" id="{8024BB4F-A3D2-4D1F-828B-5C7F23395BCD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93840" y="2969094"/>
            <a:ext cx="2163438" cy="212547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7" name="Picture 6" descr="Icon&#10;&#10;Description automatically generated with medium confidence">
            <a:extLst>
              <a:ext uri="{FF2B5EF4-FFF2-40B4-BE49-F238E27FC236}">
                <a16:creationId xmlns:a16="http://schemas.microsoft.com/office/drawing/2014/main" id="{FF7B9BBC-84A3-4E31-810E-61F30A60E51F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29829" y="2399379"/>
            <a:ext cx="3323221" cy="326490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8" name="Picture 7" descr="Icon&#10;&#10;Description automatically generated with medium confidence">
            <a:extLst>
              <a:ext uri="{FF2B5EF4-FFF2-40B4-BE49-F238E27FC236}">
                <a16:creationId xmlns:a16="http://schemas.microsoft.com/office/drawing/2014/main" id="{B6AC957F-5A0A-41C7-AB9D-DBDC3D80BF37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25597" y="1753772"/>
            <a:ext cx="4637495" cy="4556110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</p:spTree>
    <p:extLst>
      <p:ext uri="{BB962C8B-B14F-4D97-AF65-F5344CB8AC3E}">
        <p14:creationId xmlns:p14="http://schemas.microsoft.com/office/powerpoint/2010/main" val="17565439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 smal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>
            <a:extLst>
              <a:ext uri="{FF2B5EF4-FFF2-40B4-BE49-F238E27FC236}">
                <a16:creationId xmlns:a16="http://schemas.microsoft.com/office/drawing/2014/main" id="{F202A3E2-66F3-4474-B53F-1810941F757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rgbClr val="008CC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8FCCE61B-3759-4AE0-B76A-D51AD3C62181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rgbClr val="008CC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pic>
        <p:nvPicPr>
          <p:cNvPr id="9" name="Picture 8" descr="Icon&#10;&#10;Description automatically generated with medium confidence">
            <a:extLst>
              <a:ext uri="{FF2B5EF4-FFF2-40B4-BE49-F238E27FC236}">
                <a16:creationId xmlns:a16="http://schemas.microsoft.com/office/drawing/2014/main" id="{5ECEC475-F45B-4293-9FBE-C6FF1314EB82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82764" y="2969094"/>
            <a:ext cx="2163438" cy="212547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0" name="Picture 9" descr="Icon&#10;&#10;Description automatically generated with medium confidence">
            <a:extLst>
              <a:ext uri="{FF2B5EF4-FFF2-40B4-BE49-F238E27FC236}">
                <a16:creationId xmlns:a16="http://schemas.microsoft.com/office/drawing/2014/main" id="{151E26CB-E6B4-49C1-B3DA-CCEB372C2548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99607" y="2969094"/>
            <a:ext cx="2163438" cy="212547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1" name="Picture 10" descr="Icon&#10;&#10;Description automatically generated with medium confidence">
            <a:extLst>
              <a:ext uri="{FF2B5EF4-FFF2-40B4-BE49-F238E27FC236}">
                <a16:creationId xmlns:a16="http://schemas.microsoft.com/office/drawing/2014/main" id="{402AF062-6746-4A2B-8E08-A8B5C62C0116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6450" y="2969094"/>
            <a:ext cx="2163438" cy="212547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2" name="Picture 11" descr="Icon&#10;&#10;Description automatically generated with medium confidence">
            <a:extLst>
              <a:ext uri="{FF2B5EF4-FFF2-40B4-BE49-F238E27FC236}">
                <a16:creationId xmlns:a16="http://schemas.microsoft.com/office/drawing/2014/main" id="{91DBA383-ACDD-4E4E-BC92-C1A5C898A79F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433291" y="2969094"/>
            <a:ext cx="2163438" cy="212547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</p:spTree>
    <p:extLst>
      <p:ext uri="{BB962C8B-B14F-4D97-AF65-F5344CB8AC3E}">
        <p14:creationId xmlns:p14="http://schemas.microsoft.com/office/powerpoint/2010/main" val="9712627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 large 3 smal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>
            <a:extLst>
              <a:ext uri="{FF2B5EF4-FFF2-40B4-BE49-F238E27FC236}">
                <a16:creationId xmlns:a16="http://schemas.microsoft.com/office/drawing/2014/main" id="{F202A3E2-66F3-4474-B53F-1810941F757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rgbClr val="008CC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8FCCE61B-3759-4AE0-B76A-D51AD3C62181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rgbClr val="008CC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pic>
        <p:nvPicPr>
          <p:cNvPr id="8" name="Picture 7" descr="Icon&#10;&#10;Description automatically generated with medium confidence">
            <a:extLst>
              <a:ext uri="{FF2B5EF4-FFF2-40B4-BE49-F238E27FC236}">
                <a16:creationId xmlns:a16="http://schemas.microsoft.com/office/drawing/2014/main" id="{6EC70C5D-E11A-4920-8F83-21AEBB8B384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83077" y="3293864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3" name="Picture 12" descr="Icon&#10;&#10;Description automatically generated with medium confidence">
            <a:extLst>
              <a:ext uri="{FF2B5EF4-FFF2-40B4-BE49-F238E27FC236}">
                <a16:creationId xmlns:a16="http://schemas.microsoft.com/office/drawing/2014/main" id="{153B2B96-D445-496E-AF8A-BC81306DC7D5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83077" y="1435272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4" name="Picture 13" descr="Icon&#10;&#10;Description automatically generated with medium confidence">
            <a:extLst>
              <a:ext uri="{FF2B5EF4-FFF2-40B4-BE49-F238E27FC236}">
                <a16:creationId xmlns:a16="http://schemas.microsoft.com/office/drawing/2014/main" id="{EE04312F-553B-4CDE-BE87-73E04B13E3EF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83077" y="5117792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5" name="Picture 14" descr="Icon&#10;&#10;Description automatically generated with medium confidence">
            <a:extLst>
              <a:ext uri="{FF2B5EF4-FFF2-40B4-BE49-F238E27FC236}">
                <a16:creationId xmlns:a16="http://schemas.microsoft.com/office/drawing/2014/main" id="{46C0B990-7A62-4B57-8328-AD83F78BB9E0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815914" y="1449632"/>
            <a:ext cx="4637495" cy="4556110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</p:spTree>
    <p:extLst>
      <p:ext uri="{BB962C8B-B14F-4D97-AF65-F5344CB8AC3E}">
        <p14:creationId xmlns:p14="http://schemas.microsoft.com/office/powerpoint/2010/main" val="24172260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mag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>
            <a:extLst>
              <a:ext uri="{FF2B5EF4-FFF2-40B4-BE49-F238E27FC236}">
                <a16:creationId xmlns:a16="http://schemas.microsoft.com/office/drawing/2014/main" id="{F202A3E2-66F3-4474-B53F-1810941F757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rgbClr val="008CC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8FCCE61B-3759-4AE0-B76A-D51AD3C62181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rgbClr val="008CC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pic>
        <p:nvPicPr>
          <p:cNvPr id="9" name="Picture 8" descr="Icon&#10;&#10;Description automatically generated with medium confidence">
            <a:extLst>
              <a:ext uri="{FF2B5EF4-FFF2-40B4-BE49-F238E27FC236}">
                <a16:creationId xmlns:a16="http://schemas.microsoft.com/office/drawing/2014/main" id="{888B11EA-EBDD-4F9E-B0C9-5E086260DB48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23938" y="2399379"/>
            <a:ext cx="3323221" cy="326490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0" name="Picture 9" descr="Icon&#10;&#10;Description automatically generated with medium confidence">
            <a:extLst>
              <a:ext uri="{FF2B5EF4-FFF2-40B4-BE49-F238E27FC236}">
                <a16:creationId xmlns:a16="http://schemas.microsoft.com/office/drawing/2014/main" id="{9DBAEC9C-7CFA-4C92-A875-21955013A682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02824" y="2399379"/>
            <a:ext cx="3323221" cy="326490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1" name="Picture 10" descr="Icon&#10;&#10;Description automatically generated with medium confidence">
            <a:extLst>
              <a:ext uri="{FF2B5EF4-FFF2-40B4-BE49-F238E27FC236}">
                <a16:creationId xmlns:a16="http://schemas.microsoft.com/office/drawing/2014/main" id="{7D6FAAA9-5464-4BC4-B30E-766A59713F39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96197" y="2399379"/>
            <a:ext cx="3323221" cy="326490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</p:spTree>
    <p:extLst>
      <p:ext uri="{BB962C8B-B14F-4D97-AF65-F5344CB8AC3E}">
        <p14:creationId xmlns:p14="http://schemas.microsoft.com/office/powerpoint/2010/main" val="37625694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mag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>
            <a:extLst>
              <a:ext uri="{FF2B5EF4-FFF2-40B4-BE49-F238E27FC236}">
                <a16:creationId xmlns:a16="http://schemas.microsoft.com/office/drawing/2014/main" id="{F202A3E2-66F3-4474-B53F-1810941F757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rgbClr val="008CC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8FCCE61B-3759-4AE0-B76A-D51AD3C62181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rgbClr val="008CC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pic>
        <p:nvPicPr>
          <p:cNvPr id="7" name="Picture 6" descr="Icon&#10;&#10;Description automatically generated with medium confidence">
            <a:extLst>
              <a:ext uri="{FF2B5EF4-FFF2-40B4-BE49-F238E27FC236}">
                <a16:creationId xmlns:a16="http://schemas.microsoft.com/office/drawing/2014/main" id="{F428A3AB-FCE0-422E-8236-4C8292B55519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96195" y="1449632"/>
            <a:ext cx="4637495" cy="4556110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8" name="Picture 7" descr="Icon&#10;&#10;Description automatically generated with medium confidence">
            <a:extLst>
              <a:ext uri="{FF2B5EF4-FFF2-40B4-BE49-F238E27FC236}">
                <a16:creationId xmlns:a16="http://schemas.microsoft.com/office/drawing/2014/main" id="{F11B44B9-4E7F-4DEF-AF27-441731009DE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588549" y="1449632"/>
            <a:ext cx="4637495" cy="4556110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</p:spTree>
    <p:extLst>
      <p:ext uri="{BB962C8B-B14F-4D97-AF65-F5344CB8AC3E}">
        <p14:creationId xmlns:p14="http://schemas.microsoft.com/office/powerpoint/2010/main" val="3403929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No tit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Icon&#10;&#10;Description automatically generated with medium confidence">
            <a:extLst>
              <a:ext uri="{FF2B5EF4-FFF2-40B4-BE49-F238E27FC236}">
                <a16:creationId xmlns:a16="http://schemas.microsoft.com/office/drawing/2014/main" id="{48408CC4-36D4-4CF0-A422-CF2C5FACDF6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20998" y="1501783"/>
            <a:ext cx="4637495" cy="4556110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8" name="Picture 7" descr="Icon&#10;&#10;Description automatically generated with medium confidence">
            <a:extLst>
              <a:ext uri="{FF2B5EF4-FFF2-40B4-BE49-F238E27FC236}">
                <a16:creationId xmlns:a16="http://schemas.microsoft.com/office/drawing/2014/main" id="{F9457186-24C0-40EA-9FCF-3E3F1C800C5F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1104" y="572868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2" name="Picture 11" descr="Icon&#10;&#10;Description automatically generated with medium confidence">
            <a:extLst>
              <a:ext uri="{FF2B5EF4-FFF2-40B4-BE49-F238E27FC236}">
                <a16:creationId xmlns:a16="http://schemas.microsoft.com/office/drawing/2014/main" id="{7AE6630F-917F-4223-9CE9-E34909772675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1104" y="5108673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3" name="Picture 12" descr="Icon&#10;&#10;Description automatically generated with medium confidence">
            <a:extLst>
              <a:ext uri="{FF2B5EF4-FFF2-40B4-BE49-F238E27FC236}">
                <a16:creationId xmlns:a16="http://schemas.microsoft.com/office/drawing/2014/main" id="{220AC24A-79A8-4332-A341-7215C7D9E183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26096" y="572868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4" name="Picture 13" descr="Icon&#10;&#10;Description automatically generated with medium confidence">
            <a:extLst>
              <a:ext uri="{FF2B5EF4-FFF2-40B4-BE49-F238E27FC236}">
                <a16:creationId xmlns:a16="http://schemas.microsoft.com/office/drawing/2014/main" id="{FD2B256A-6E5A-45F4-B56C-E424C555DD21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450701" y="2845330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5" name="Picture 14" descr="Icon&#10;&#10;Description automatically generated with medium confidence">
            <a:extLst>
              <a:ext uri="{FF2B5EF4-FFF2-40B4-BE49-F238E27FC236}">
                <a16:creationId xmlns:a16="http://schemas.microsoft.com/office/drawing/2014/main" id="{0081B4B9-E8E4-4FB9-8311-4C97C1ABD0C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26096" y="5117792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16" name="Picture 15" descr="Icon&#10;&#10;Description automatically generated with medium confidence">
            <a:extLst>
              <a:ext uri="{FF2B5EF4-FFF2-40B4-BE49-F238E27FC236}">
                <a16:creationId xmlns:a16="http://schemas.microsoft.com/office/drawing/2014/main" id="{9EF487FE-3E1C-4175-8003-4379DF120905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8814" y="2845330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sp>
        <p:nvSpPr>
          <p:cNvPr id="2" name="Rectangle 1">
            <a:extLst>
              <a:ext uri="{FF2B5EF4-FFF2-40B4-BE49-F238E27FC236}">
                <a16:creationId xmlns:a16="http://schemas.microsoft.com/office/drawing/2014/main" id="{C6E6BB44-CE55-413D-BA32-B5CA4C3C6583}"/>
              </a:ext>
            </a:extLst>
          </p:cNvPr>
          <p:cNvSpPr/>
          <p:nvPr userDrawn="1"/>
        </p:nvSpPr>
        <p:spPr>
          <a:xfrm>
            <a:off x="5114496" y="391147"/>
            <a:ext cx="2097863" cy="842471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</p:spTree>
    <p:extLst>
      <p:ext uri="{BB962C8B-B14F-4D97-AF65-F5344CB8AC3E}">
        <p14:creationId xmlns:p14="http://schemas.microsoft.com/office/powerpoint/2010/main" val="156446859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29550469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oals / TOC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85B147F8-73C9-4374-A415-FD575123A9DE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67E17B49-D2B0-4E73-89CD-D348316EBD78}"/>
              </a:ext>
            </a:extLst>
          </p:cNvPr>
          <p:cNvGrpSpPr/>
          <p:nvPr userDrawn="1"/>
        </p:nvGrpSpPr>
        <p:grpSpPr>
          <a:xfrm>
            <a:off x="12231016" y="548197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10" name="Graphic 9" descr="Bullseye with solid fill">
              <a:extLst>
                <a:ext uri="{FF2B5EF4-FFF2-40B4-BE49-F238E27FC236}">
                  <a16:creationId xmlns:a16="http://schemas.microsoft.com/office/drawing/2014/main" id="{40FAE331-E4B0-4E81-B27A-55BD110F5A9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"/>
                </a:ext>
              </a:extLst>
            </a:blip>
            <a:stretch>
              <a:fillRect/>
            </a:stretch>
          </p:blipFill>
          <p:spPr>
            <a:xfrm>
              <a:off x="10994582" y="605613"/>
              <a:ext cx="617573" cy="617573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11662192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NIMATED Concep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grpSp>
        <p:nvGrpSpPr>
          <p:cNvPr id="30" name="Group 29">
            <a:extLst>
              <a:ext uri="{FF2B5EF4-FFF2-40B4-BE49-F238E27FC236}">
                <a16:creationId xmlns:a16="http://schemas.microsoft.com/office/drawing/2014/main" id="{25FA7690-3628-44A6-807F-8D7F1EF306BE}"/>
              </a:ext>
            </a:extLst>
          </p:cNvPr>
          <p:cNvGrpSpPr/>
          <p:nvPr userDrawn="1"/>
        </p:nvGrpSpPr>
        <p:grpSpPr>
          <a:xfrm>
            <a:off x="12231016" y="548197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grpSp>
          <p:nvGrpSpPr>
            <p:cNvPr id="29" name="Group 28">
              <a:extLst>
                <a:ext uri="{FF2B5EF4-FFF2-40B4-BE49-F238E27FC236}">
                  <a16:creationId xmlns:a16="http://schemas.microsoft.com/office/drawing/2014/main" id="{FD4F7D0B-8715-40B9-8B28-2B93042FB9B6}"/>
                </a:ext>
              </a:extLst>
            </p:cNvPr>
            <p:cNvGrpSpPr>
              <a:grpSpLocks noChangeAspect="1"/>
            </p:cNvGrpSpPr>
            <p:nvPr userDrawn="1"/>
          </p:nvGrpSpPr>
          <p:grpSpPr>
            <a:xfrm>
              <a:off x="11097629" y="625062"/>
              <a:ext cx="411480" cy="587677"/>
              <a:chOff x="7502176" y="2510940"/>
              <a:chExt cx="463328" cy="661726"/>
            </a:xfrm>
            <a:solidFill>
              <a:schemeClr val="bg1"/>
            </a:solidFill>
          </p:grpSpPr>
          <p:sp>
            <p:nvSpPr>
              <p:cNvPr id="11" name="Freeform: Shape 10">
                <a:extLst>
                  <a:ext uri="{FF2B5EF4-FFF2-40B4-BE49-F238E27FC236}">
                    <a16:creationId xmlns:a16="http://schemas.microsoft.com/office/drawing/2014/main" id="{247CEF8C-4214-419D-8D5D-6589AA733D99}"/>
                  </a:ext>
                </a:extLst>
              </p:cNvPr>
              <p:cNvSpPr/>
              <p:nvPr/>
            </p:nvSpPr>
            <p:spPr>
              <a:xfrm>
                <a:off x="7629126" y="3028663"/>
                <a:ext cx="209891" cy="53468"/>
              </a:xfrm>
              <a:custGeom>
                <a:avLst/>
                <a:gdLst>
                  <a:gd name="connsiteX0" fmla="*/ 184685 w 209891"/>
                  <a:gd name="connsiteY0" fmla="*/ 0 h 53468"/>
                  <a:gd name="connsiteX1" fmla="*/ 25207 w 209891"/>
                  <a:gd name="connsiteY1" fmla="*/ 0 h 53468"/>
                  <a:gd name="connsiteX2" fmla="*/ 47 w 209891"/>
                  <a:gd name="connsiteY2" fmla="*/ 28308 h 53468"/>
                  <a:gd name="connsiteX3" fmla="*/ 25207 w 209891"/>
                  <a:gd name="connsiteY3" fmla="*/ 53468 h 53468"/>
                  <a:gd name="connsiteX4" fmla="*/ 184685 w 209891"/>
                  <a:gd name="connsiteY4" fmla="*/ 53468 h 53468"/>
                  <a:gd name="connsiteX5" fmla="*/ 209844 w 209891"/>
                  <a:gd name="connsiteY5" fmla="*/ 25160 h 53468"/>
                  <a:gd name="connsiteX6" fmla="*/ 184685 w 209891"/>
                  <a:gd name="connsiteY6" fmla="*/ 0 h 5346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</a:cxnLst>
                <a:rect l="l" t="t" r="r" b="b"/>
                <a:pathLst>
                  <a:path w="209891" h="53468">
                    <a:moveTo>
                      <a:pt x="184685" y="0"/>
                    </a:moveTo>
                    <a:lnTo>
                      <a:pt x="25207" y="0"/>
                    </a:lnTo>
                    <a:cubicBezTo>
                      <a:pt x="10442" y="870"/>
                      <a:pt x="-822" y="13544"/>
                      <a:pt x="47" y="28308"/>
                    </a:cubicBezTo>
                    <a:cubicBezTo>
                      <a:pt x="846" y="41860"/>
                      <a:pt x="11656" y="52670"/>
                      <a:pt x="25207" y="53468"/>
                    </a:cubicBezTo>
                    <a:lnTo>
                      <a:pt x="184685" y="53468"/>
                    </a:lnTo>
                    <a:cubicBezTo>
                      <a:pt x="199449" y="52598"/>
                      <a:pt x="210713" y="39924"/>
                      <a:pt x="209844" y="25160"/>
                    </a:cubicBezTo>
                    <a:cubicBezTo>
                      <a:pt x="209045" y="11608"/>
                      <a:pt x="198235" y="798"/>
                      <a:pt x="184685" y="0"/>
                    </a:cubicBezTo>
                    <a:close/>
                  </a:path>
                </a:pathLst>
              </a:custGeom>
              <a:grpFill/>
              <a:ln w="9227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  <p:sp>
            <p:nvSpPr>
              <p:cNvPr id="12" name="Freeform: Shape 11">
                <a:extLst>
                  <a:ext uri="{FF2B5EF4-FFF2-40B4-BE49-F238E27FC236}">
                    <a16:creationId xmlns:a16="http://schemas.microsoft.com/office/drawing/2014/main" id="{1085C2C2-E6E7-4828-B03D-8B8F30CBBCC7}"/>
                  </a:ext>
                </a:extLst>
              </p:cNvPr>
              <p:cNvSpPr/>
              <p:nvPr/>
            </p:nvSpPr>
            <p:spPr>
              <a:xfrm>
                <a:off x="7676202" y="3119198"/>
                <a:ext cx="115739" cy="53468"/>
              </a:xfrm>
              <a:custGeom>
                <a:avLst/>
                <a:gdLst>
                  <a:gd name="connsiteX0" fmla="*/ 57916 w 115739"/>
                  <a:gd name="connsiteY0" fmla="*/ 53468 h 53468"/>
                  <a:gd name="connsiteX1" fmla="*/ 115740 w 115739"/>
                  <a:gd name="connsiteY1" fmla="*/ 0 h 53468"/>
                  <a:gd name="connsiteX2" fmla="*/ 0 w 115739"/>
                  <a:gd name="connsiteY2" fmla="*/ 0 h 53468"/>
                  <a:gd name="connsiteX3" fmla="*/ 57916 w 115739"/>
                  <a:gd name="connsiteY3" fmla="*/ 53468 h 5346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15739" h="53468">
                    <a:moveTo>
                      <a:pt x="57916" y="53468"/>
                    </a:moveTo>
                    <a:cubicBezTo>
                      <a:pt x="88172" y="53420"/>
                      <a:pt x="113327" y="30160"/>
                      <a:pt x="115740" y="0"/>
                    </a:cubicBezTo>
                    <a:lnTo>
                      <a:pt x="0" y="0"/>
                    </a:lnTo>
                    <a:cubicBezTo>
                      <a:pt x="2458" y="30175"/>
                      <a:pt x="27642" y="53424"/>
                      <a:pt x="57916" y="53468"/>
                    </a:cubicBezTo>
                    <a:close/>
                  </a:path>
                </a:pathLst>
              </a:custGeom>
              <a:grpFill/>
              <a:ln w="9227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  <p:sp>
            <p:nvSpPr>
              <p:cNvPr id="13" name="Freeform: Shape 12">
                <a:extLst>
                  <a:ext uri="{FF2B5EF4-FFF2-40B4-BE49-F238E27FC236}">
                    <a16:creationId xmlns:a16="http://schemas.microsoft.com/office/drawing/2014/main" id="{FE904F03-2F8B-4815-B525-1D052C5D154E}"/>
                  </a:ext>
                </a:extLst>
              </p:cNvPr>
              <p:cNvSpPr/>
              <p:nvPr/>
            </p:nvSpPr>
            <p:spPr>
              <a:xfrm>
                <a:off x="7502176" y="2510940"/>
                <a:ext cx="463328" cy="480657"/>
              </a:xfrm>
              <a:custGeom>
                <a:avLst/>
                <a:gdLst>
                  <a:gd name="connsiteX0" fmla="*/ 463329 w 463328"/>
                  <a:gd name="connsiteY0" fmla="*/ 236761 h 480657"/>
                  <a:gd name="connsiteX1" fmla="*/ 463329 w 463328"/>
                  <a:gd name="connsiteY1" fmla="*/ 228792 h 480657"/>
                  <a:gd name="connsiteX2" fmla="*/ 231664 w 463328"/>
                  <a:gd name="connsiteY2" fmla="*/ 0 h 480657"/>
                  <a:gd name="connsiteX3" fmla="*/ 231664 w 463328"/>
                  <a:gd name="connsiteY3" fmla="*/ 0 h 480657"/>
                  <a:gd name="connsiteX4" fmla="*/ 0 w 463328"/>
                  <a:gd name="connsiteY4" fmla="*/ 228792 h 480657"/>
                  <a:gd name="connsiteX5" fmla="*/ 0 w 463328"/>
                  <a:gd name="connsiteY5" fmla="*/ 236761 h 480657"/>
                  <a:gd name="connsiteX6" fmla="*/ 16124 w 463328"/>
                  <a:gd name="connsiteY6" fmla="*/ 316917 h 480657"/>
                  <a:gd name="connsiteX7" fmla="*/ 56341 w 463328"/>
                  <a:gd name="connsiteY7" fmla="*/ 382802 h 480657"/>
                  <a:gd name="connsiteX8" fmla="*/ 110550 w 463328"/>
                  <a:gd name="connsiteY8" fmla="*/ 470835 h 480657"/>
                  <a:gd name="connsiteX9" fmla="*/ 126489 w 463328"/>
                  <a:gd name="connsiteY9" fmla="*/ 480657 h 480657"/>
                  <a:gd name="connsiteX10" fmla="*/ 336840 w 463328"/>
                  <a:gd name="connsiteY10" fmla="*/ 480657 h 480657"/>
                  <a:gd name="connsiteX11" fmla="*/ 352778 w 463328"/>
                  <a:gd name="connsiteY11" fmla="*/ 470835 h 480657"/>
                  <a:gd name="connsiteX12" fmla="*/ 406988 w 463328"/>
                  <a:gd name="connsiteY12" fmla="*/ 382802 h 480657"/>
                  <a:gd name="connsiteX13" fmla="*/ 447205 w 463328"/>
                  <a:gd name="connsiteY13" fmla="*/ 316917 h 480657"/>
                  <a:gd name="connsiteX14" fmla="*/ 463329 w 463328"/>
                  <a:gd name="connsiteY14" fmla="*/ 236761 h 480657"/>
                  <a:gd name="connsiteX15" fmla="*/ 409953 w 463328"/>
                  <a:gd name="connsiteY15" fmla="*/ 235927 h 480657"/>
                  <a:gd name="connsiteX16" fmla="*/ 397629 w 463328"/>
                  <a:gd name="connsiteY16" fmla="*/ 298198 h 480657"/>
                  <a:gd name="connsiteX17" fmla="*/ 367605 w 463328"/>
                  <a:gd name="connsiteY17" fmla="*/ 347126 h 480657"/>
                  <a:gd name="connsiteX18" fmla="*/ 315063 w 463328"/>
                  <a:gd name="connsiteY18" fmla="*/ 427004 h 480657"/>
                  <a:gd name="connsiteX19" fmla="*/ 148265 w 463328"/>
                  <a:gd name="connsiteY19" fmla="*/ 427004 h 480657"/>
                  <a:gd name="connsiteX20" fmla="*/ 96187 w 463328"/>
                  <a:gd name="connsiteY20" fmla="*/ 346848 h 480657"/>
                  <a:gd name="connsiteX21" fmla="*/ 66163 w 463328"/>
                  <a:gd name="connsiteY21" fmla="*/ 297920 h 480657"/>
                  <a:gd name="connsiteX22" fmla="*/ 53375 w 463328"/>
                  <a:gd name="connsiteY22" fmla="*/ 235649 h 480657"/>
                  <a:gd name="connsiteX23" fmla="*/ 53375 w 463328"/>
                  <a:gd name="connsiteY23" fmla="*/ 228977 h 480657"/>
                  <a:gd name="connsiteX24" fmla="*/ 231386 w 463328"/>
                  <a:gd name="connsiteY24" fmla="*/ 52912 h 480657"/>
                  <a:gd name="connsiteX25" fmla="*/ 231386 w 463328"/>
                  <a:gd name="connsiteY25" fmla="*/ 52912 h 480657"/>
                  <a:gd name="connsiteX26" fmla="*/ 409397 w 463328"/>
                  <a:gd name="connsiteY26" fmla="*/ 228977 h 48065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  <a:cxn ang="0">
                    <a:pos x="connsiteX13" y="connsiteY13"/>
                  </a:cxn>
                  <a:cxn ang="0">
                    <a:pos x="connsiteX14" y="connsiteY14"/>
                  </a:cxn>
                  <a:cxn ang="0">
                    <a:pos x="connsiteX15" y="connsiteY15"/>
                  </a:cxn>
                  <a:cxn ang="0">
                    <a:pos x="connsiteX16" y="connsiteY16"/>
                  </a:cxn>
                  <a:cxn ang="0">
                    <a:pos x="connsiteX17" y="connsiteY17"/>
                  </a:cxn>
                  <a:cxn ang="0">
                    <a:pos x="connsiteX18" y="connsiteY18"/>
                  </a:cxn>
                  <a:cxn ang="0">
                    <a:pos x="connsiteX19" y="connsiteY19"/>
                  </a:cxn>
                  <a:cxn ang="0">
                    <a:pos x="connsiteX20" y="connsiteY20"/>
                  </a:cxn>
                  <a:cxn ang="0">
                    <a:pos x="connsiteX21" y="connsiteY21"/>
                  </a:cxn>
                  <a:cxn ang="0">
                    <a:pos x="connsiteX22" y="connsiteY22"/>
                  </a:cxn>
                  <a:cxn ang="0">
                    <a:pos x="connsiteX23" y="connsiteY23"/>
                  </a:cxn>
                  <a:cxn ang="0">
                    <a:pos x="connsiteX24" y="connsiteY24"/>
                  </a:cxn>
                  <a:cxn ang="0">
                    <a:pos x="connsiteX25" y="connsiteY25"/>
                  </a:cxn>
                  <a:cxn ang="0">
                    <a:pos x="connsiteX26" y="connsiteY26"/>
                  </a:cxn>
                </a:cxnLst>
                <a:rect l="l" t="t" r="r" b="b"/>
                <a:pathLst>
                  <a:path w="463328" h="480657">
                    <a:moveTo>
                      <a:pt x="463329" y="236761"/>
                    </a:moveTo>
                    <a:lnTo>
                      <a:pt x="463329" y="228792"/>
                    </a:lnTo>
                    <a:cubicBezTo>
                      <a:pt x="460968" y="102307"/>
                      <a:pt x="358169" y="782"/>
                      <a:pt x="231664" y="0"/>
                    </a:cubicBezTo>
                    <a:lnTo>
                      <a:pt x="231664" y="0"/>
                    </a:lnTo>
                    <a:cubicBezTo>
                      <a:pt x="105160" y="782"/>
                      <a:pt x="2361" y="102307"/>
                      <a:pt x="0" y="228792"/>
                    </a:cubicBezTo>
                    <a:lnTo>
                      <a:pt x="0" y="236761"/>
                    </a:lnTo>
                    <a:cubicBezTo>
                      <a:pt x="847" y="264194"/>
                      <a:pt x="6298" y="291290"/>
                      <a:pt x="16124" y="316917"/>
                    </a:cubicBezTo>
                    <a:cubicBezTo>
                      <a:pt x="25503" y="341096"/>
                      <a:pt x="39122" y="363408"/>
                      <a:pt x="56341" y="382802"/>
                    </a:cubicBezTo>
                    <a:cubicBezTo>
                      <a:pt x="77561" y="405876"/>
                      <a:pt x="100728" y="450819"/>
                      <a:pt x="110550" y="470835"/>
                    </a:cubicBezTo>
                    <a:cubicBezTo>
                      <a:pt x="113554" y="476881"/>
                      <a:pt x="119737" y="480691"/>
                      <a:pt x="126489" y="480657"/>
                    </a:cubicBezTo>
                    <a:lnTo>
                      <a:pt x="336840" y="480657"/>
                    </a:lnTo>
                    <a:cubicBezTo>
                      <a:pt x="343592" y="480691"/>
                      <a:pt x="349774" y="476881"/>
                      <a:pt x="352778" y="470835"/>
                    </a:cubicBezTo>
                    <a:cubicBezTo>
                      <a:pt x="362601" y="450819"/>
                      <a:pt x="385767" y="405969"/>
                      <a:pt x="406988" y="382802"/>
                    </a:cubicBezTo>
                    <a:cubicBezTo>
                      <a:pt x="424207" y="363408"/>
                      <a:pt x="437826" y="341096"/>
                      <a:pt x="447205" y="316917"/>
                    </a:cubicBezTo>
                    <a:cubicBezTo>
                      <a:pt x="457031" y="291290"/>
                      <a:pt x="462482" y="264194"/>
                      <a:pt x="463329" y="236761"/>
                    </a:cubicBezTo>
                    <a:close/>
                    <a:moveTo>
                      <a:pt x="409953" y="235927"/>
                    </a:moveTo>
                    <a:cubicBezTo>
                      <a:pt x="409294" y="257221"/>
                      <a:pt x="405131" y="278259"/>
                      <a:pt x="397629" y="298198"/>
                    </a:cubicBezTo>
                    <a:cubicBezTo>
                      <a:pt x="390593" y="316154"/>
                      <a:pt x="380427" y="332720"/>
                      <a:pt x="367605" y="347126"/>
                    </a:cubicBezTo>
                    <a:cubicBezTo>
                      <a:pt x="347036" y="371612"/>
                      <a:pt x="329402" y="398420"/>
                      <a:pt x="315063" y="427004"/>
                    </a:cubicBezTo>
                    <a:lnTo>
                      <a:pt x="148265" y="427004"/>
                    </a:lnTo>
                    <a:cubicBezTo>
                      <a:pt x="134091" y="398346"/>
                      <a:pt x="116612" y="371444"/>
                      <a:pt x="96187" y="346848"/>
                    </a:cubicBezTo>
                    <a:cubicBezTo>
                      <a:pt x="83365" y="332442"/>
                      <a:pt x="73199" y="315876"/>
                      <a:pt x="66163" y="297920"/>
                    </a:cubicBezTo>
                    <a:cubicBezTo>
                      <a:pt x="58504" y="278008"/>
                      <a:pt x="54183" y="256969"/>
                      <a:pt x="53375" y="235649"/>
                    </a:cubicBezTo>
                    <a:lnTo>
                      <a:pt x="53375" y="228977"/>
                    </a:lnTo>
                    <a:cubicBezTo>
                      <a:pt x="55035" y="131678"/>
                      <a:pt x="134074" y="53502"/>
                      <a:pt x="231386" y="52912"/>
                    </a:cubicBezTo>
                    <a:lnTo>
                      <a:pt x="231386" y="52912"/>
                    </a:lnTo>
                    <a:cubicBezTo>
                      <a:pt x="328698" y="53502"/>
                      <a:pt x="407738" y="131678"/>
                      <a:pt x="409397" y="228977"/>
                    </a:cubicBezTo>
                    <a:close/>
                  </a:path>
                </a:pathLst>
              </a:custGeom>
              <a:grpFill/>
              <a:ln w="9227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  <p:sp>
            <p:nvSpPr>
              <p:cNvPr id="28" name="Freeform: Shape 27">
                <a:extLst>
                  <a:ext uri="{FF2B5EF4-FFF2-40B4-BE49-F238E27FC236}">
                    <a16:creationId xmlns:a16="http://schemas.microsoft.com/office/drawing/2014/main" id="{A636DDD7-B281-455E-9FC5-F7211073344C}"/>
                  </a:ext>
                </a:extLst>
              </p:cNvPr>
              <p:cNvSpPr/>
              <p:nvPr/>
            </p:nvSpPr>
            <p:spPr>
              <a:xfrm rot="780000">
                <a:off x="7661296" y="2566080"/>
                <a:ext cx="146304" cy="365622"/>
              </a:xfrm>
              <a:custGeom>
                <a:avLst/>
                <a:gdLst>
                  <a:gd name="connsiteX0" fmla="*/ 155353 w 279177"/>
                  <a:gd name="connsiteY0" fmla="*/ 285750 h 609600"/>
                  <a:gd name="connsiteX1" fmla="*/ 155353 w 279177"/>
                  <a:gd name="connsiteY1" fmla="*/ 0 h 609600"/>
                  <a:gd name="connsiteX2" fmla="*/ 0 w 279177"/>
                  <a:gd name="connsiteY2" fmla="*/ 380714 h 609600"/>
                  <a:gd name="connsiteX3" fmla="*/ 136303 w 279177"/>
                  <a:gd name="connsiteY3" fmla="*/ 381000 h 609600"/>
                  <a:gd name="connsiteX4" fmla="*/ 136303 w 279177"/>
                  <a:gd name="connsiteY4" fmla="*/ 609600 h 609600"/>
                  <a:gd name="connsiteX5" fmla="*/ 279178 w 279177"/>
                  <a:gd name="connsiteY5" fmla="*/ 285750 h 609600"/>
                  <a:gd name="connsiteX6" fmla="*/ 155353 w 279177"/>
                  <a:gd name="connsiteY6" fmla="*/ 285750 h 6096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</a:cxnLst>
                <a:rect l="l" t="t" r="r" b="b"/>
                <a:pathLst>
                  <a:path w="279177" h="609600">
                    <a:moveTo>
                      <a:pt x="155353" y="285750"/>
                    </a:moveTo>
                    <a:lnTo>
                      <a:pt x="155353" y="0"/>
                    </a:lnTo>
                    <a:lnTo>
                      <a:pt x="0" y="380714"/>
                    </a:lnTo>
                    <a:lnTo>
                      <a:pt x="136303" y="381000"/>
                    </a:lnTo>
                    <a:lnTo>
                      <a:pt x="136303" y="609600"/>
                    </a:lnTo>
                    <a:lnTo>
                      <a:pt x="279178" y="285750"/>
                    </a:lnTo>
                    <a:lnTo>
                      <a:pt x="155353" y="285750"/>
                    </a:lnTo>
                    <a:close/>
                  </a:path>
                </a:pathLst>
              </a:custGeom>
              <a:grpFill/>
              <a:ln w="9525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</p:grpSp>
      </p:grpSp>
      <p:sp>
        <p:nvSpPr>
          <p:cNvPr id="14" name="Rectangle 13">
            <a:extLst>
              <a:ext uri="{FF2B5EF4-FFF2-40B4-BE49-F238E27FC236}">
                <a16:creationId xmlns:a16="http://schemas.microsoft.com/office/drawing/2014/main" id="{AFA2908C-126F-4DE7-8B30-D287A64E4942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</p:spTree>
    <p:extLst>
      <p:ext uri="{BB962C8B-B14F-4D97-AF65-F5344CB8AC3E}">
        <p14:creationId xmlns:p14="http://schemas.microsoft.com/office/powerpoint/2010/main" val="262825052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14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14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14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2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3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30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7" dur="500" fill="hold"/>
                                            <p:tgtEl>
                                              <p:spTgt spid="30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8" dur="500" fill="hold"/>
                                            <p:tgtEl>
                                              <p:spTgt spid="30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2" grpId="0"/>
          <p:bldP spid="14" grpId="0" animBg="1"/>
        </p:bldLst>
      </p:timing>
    </mc:Choice>
    <mc:Fallback xmlns="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14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14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14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2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3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30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7" dur="500" fill="hold"/>
                                            <p:tgtEl>
                                              <p:spTgt spid="30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8" dur="500" fill="hold"/>
                                            <p:tgtEl>
                                              <p:spTgt spid="30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2" grpId="0"/>
          <p:bldP spid="14" grpId="0" animBg="1"/>
        </p:bldLst>
      </p:timing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ncep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grpSp>
        <p:nvGrpSpPr>
          <p:cNvPr id="30" name="Group 29">
            <a:extLst>
              <a:ext uri="{FF2B5EF4-FFF2-40B4-BE49-F238E27FC236}">
                <a16:creationId xmlns:a16="http://schemas.microsoft.com/office/drawing/2014/main" id="{25FA7690-3628-44A6-807F-8D7F1EF306BE}"/>
              </a:ext>
            </a:extLst>
          </p:cNvPr>
          <p:cNvGrpSpPr/>
          <p:nvPr userDrawn="1"/>
        </p:nvGrpSpPr>
        <p:grpSpPr>
          <a:xfrm>
            <a:off x="12231016" y="569416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grpSp>
          <p:nvGrpSpPr>
            <p:cNvPr id="29" name="Group 28">
              <a:extLst>
                <a:ext uri="{FF2B5EF4-FFF2-40B4-BE49-F238E27FC236}">
                  <a16:creationId xmlns:a16="http://schemas.microsoft.com/office/drawing/2014/main" id="{FD4F7D0B-8715-40B9-8B28-2B93042FB9B6}"/>
                </a:ext>
              </a:extLst>
            </p:cNvPr>
            <p:cNvGrpSpPr>
              <a:grpSpLocks noChangeAspect="1"/>
            </p:cNvGrpSpPr>
            <p:nvPr userDrawn="1"/>
          </p:nvGrpSpPr>
          <p:grpSpPr>
            <a:xfrm>
              <a:off x="11097629" y="625062"/>
              <a:ext cx="411480" cy="587677"/>
              <a:chOff x="7502176" y="2510940"/>
              <a:chExt cx="463328" cy="661726"/>
            </a:xfrm>
            <a:solidFill>
              <a:schemeClr val="bg1"/>
            </a:solidFill>
          </p:grpSpPr>
          <p:sp>
            <p:nvSpPr>
              <p:cNvPr id="11" name="Freeform: Shape 10">
                <a:extLst>
                  <a:ext uri="{FF2B5EF4-FFF2-40B4-BE49-F238E27FC236}">
                    <a16:creationId xmlns:a16="http://schemas.microsoft.com/office/drawing/2014/main" id="{247CEF8C-4214-419D-8D5D-6589AA733D99}"/>
                  </a:ext>
                </a:extLst>
              </p:cNvPr>
              <p:cNvSpPr/>
              <p:nvPr/>
            </p:nvSpPr>
            <p:spPr>
              <a:xfrm>
                <a:off x="7629126" y="3028663"/>
                <a:ext cx="209891" cy="53468"/>
              </a:xfrm>
              <a:custGeom>
                <a:avLst/>
                <a:gdLst>
                  <a:gd name="connsiteX0" fmla="*/ 184685 w 209891"/>
                  <a:gd name="connsiteY0" fmla="*/ 0 h 53468"/>
                  <a:gd name="connsiteX1" fmla="*/ 25207 w 209891"/>
                  <a:gd name="connsiteY1" fmla="*/ 0 h 53468"/>
                  <a:gd name="connsiteX2" fmla="*/ 47 w 209891"/>
                  <a:gd name="connsiteY2" fmla="*/ 28308 h 53468"/>
                  <a:gd name="connsiteX3" fmla="*/ 25207 w 209891"/>
                  <a:gd name="connsiteY3" fmla="*/ 53468 h 53468"/>
                  <a:gd name="connsiteX4" fmla="*/ 184685 w 209891"/>
                  <a:gd name="connsiteY4" fmla="*/ 53468 h 53468"/>
                  <a:gd name="connsiteX5" fmla="*/ 209844 w 209891"/>
                  <a:gd name="connsiteY5" fmla="*/ 25160 h 53468"/>
                  <a:gd name="connsiteX6" fmla="*/ 184685 w 209891"/>
                  <a:gd name="connsiteY6" fmla="*/ 0 h 5346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</a:cxnLst>
                <a:rect l="l" t="t" r="r" b="b"/>
                <a:pathLst>
                  <a:path w="209891" h="53468">
                    <a:moveTo>
                      <a:pt x="184685" y="0"/>
                    </a:moveTo>
                    <a:lnTo>
                      <a:pt x="25207" y="0"/>
                    </a:lnTo>
                    <a:cubicBezTo>
                      <a:pt x="10442" y="870"/>
                      <a:pt x="-822" y="13544"/>
                      <a:pt x="47" y="28308"/>
                    </a:cubicBezTo>
                    <a:cubicBezTo>
                      <a:pt x="846" y="41860"/>
                      <a:pt x="11656" y="52670"/>
                      <a:pt x="25207" y="53468"/>
                    </a:cubicBezTo>
                    <a:lnTo>
                      <a:pt x="184685" y="53468"/>
                    </a:lnTo>
                    <a:cubicBezTo>
                      <a:pt x="199449" y="52598"/>
                      <a:pt x="210713" y="39924"/>
                      <a:pt x="209844" y="25160"/>
                    </a:cubicBezTo>
                    <a:cubicBezTo>
                      <a:pt x="209045" y="11608"/>
                      <a:pt x="198235" y="798"/>
                      <a:pt x="184685" y="0"/>
                    </a:cubicBezTo>
                    <a:close/>
                  </a:path>
                </a:pathLst>
              </a:custGeom>
              <a:grpFill/>
              <a:ln w="9227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  <p:sp>
            <p:nvSpPr>
              <p:cNvPr id="12" name="Freeform: Shape 11">
                <a:extLst>
                  <a:ext uri="{FF2B5EF4-FFF2-40B4-BE49-F238E27FC236}">
                    <a16:creationId xmlns:a16="http://schemas.microsoft.com/office/drawing/2014/main" id="{1085C2C2-E6E7-4828-B03D-8B8F30CBBCC7}"/>
                  </a:ext>
                </a:extLst>
              </p:cNvPr>
              <p:cNvSpPr/>
              <p:nvPr/>
            </p:nvSpPr>
            <p:spPr>
              <a:xfrm>
                <a:off x="7676202" y="3119198"/>
                <a:ext cx="115739" cy="53468"/>
              </a:xfrm>
              <a:custGeom>
                <a:avLst/>
                <a:gdLst>
                  <a:gd name="connsiteX0" fmla="*/ 57916 w 115739"/>
                  <a:gd name="connsiteY0" fmla="*/ 53468 h 53468"/>
                  <a:gd name="connsiteX1" fmla="*/ 115740 w 115739"/>
                  <a:gd name="connsiteY1" fmla="*/ 0 h 53468"/>
                  <a:gd name="connsiteX2" fmla="*/ 0 w 115739"/>
                  <a:gd name="connsiteY2" fmla="*/ 0 h 53468"/>
                  <a:gd name="connsiteX3" fmla="*/ 57916 w 115739"/>
                  <a:gd name="connsiteY3" fmla="*/ 53468 h 5346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15739" h="53468">
                    <a:moveTo>
                      <a:pt x="57916" y="53468"/>
                    </a:moveTo>
                    <a:cubicBezTo>
                      <a:pt x="88172" y="53420"/>
                      <a:pt x="113327" y="30160"/>
                      <a:pt x="115740" y="0"/>
                    </a:cubicBezTo>
                    <a:lnTo>
                      <a:pt x="0" y="0"/>
                    </a:lnTo>
                    <a:cubicBezTo>
                      <a:pt x="2458" y="30175"/>
                      <a:pt x="27642" y="53424"/>
                      <a:pt x="57916" y="53468"/>
                    </a:cubicBezTo>
                    <a:close/>
                  </a:path>
                </a:pathLst>
              </a:custGeom>
              <a:grpFill/>
              <a:ln w="9227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  <p:sp>
            <p:nvSpPr>
              <p:cNvPr id="13" name="Freeform: Shape 12">
                <a:extLst>
                  <a:ext uri="{FF2B5EF4-FFF2-40B4-BE49-F238E27FC236}">
                    <a16:creationId xmlns:a16="http://schemas.microsoft.com/office/drawing/2014/main" id="{FE904F03-2F8B-4815-B525-1D052C5D154E}"/>
                  </a:ext>
                </a:extLst>
              </p:cNvPr>
              <p:cNvSpPr/>
              <p:nvPr/>
            </p:nvSpPr>
            <p:spPr>
              <a:xfrm>
                <a:off x="7502176" y="2510940"/>
                <a:ext cx="463328" cy="480657"/>
              </a:xfrm>
              <a:custGeom>
                <a:avLst/>
                <a:gdLst>
                  <a:gd name="connsiteX0" fmla="*/ 463329 w 463328"/>
                  <a:gd name="connsiteY0" fmla="*/ 236761 h 480657"/>
                  <a:gd name="connsiteX1" fmla="*/ 463329 w 463328"/>
                  <a:gd name="connsiteY1" fmla="*/ 228792 h 480657"/>
                  <a:gd name="connsiteX2" fmla="*/ 231664 w 463328"/>
                  <a:gd name="connsiteY2" fmla="*/ 0 h 480657"/>
                  <a:gd name="connsiteX3" fmla="*/ 231664 w 463328"/>
                  <a:gd name="connsiteY3" fmla="*/ 0 h 480657"/>
                  <a:gd name="connsiteX4" fmla="*/ 0 w 463328"/>
                  <a:gd name="connsiteY4" fmla="*/ 228792 h 480657"/>
                  <a:gd name="connsiteX5" fmla="*/ 0 w 463328"/>
                  <a:gd name="connsiteY5" fmla="*/ 236761 h 480657"/>
                  <a:gd name="connsiteX6" fmla="*/ 16124 w 463328"/>
                  <a:gd name="connsiteY6" fmla="*/ 316917 h 480657"/>
                  <a:gd name="connsiteX7" fmla="*/ 56341 w 463328"/>
                  <a:gd name="connsiteY7" fmla="*/ 382802 h 480657"/>
                  <a:gd name="connsiteX8" fmla="*/ 110550 w 463328"/>
                  <a:gd name="connsiteY8" fmla="*/ 470835 h 480657"/>
                  <a:gd name="connsiteX9" fmla="*/ 126489 w 463328"/>
                  <a:gd name="connsiteY9" fmla="*/ 480657 h 480657"/>
                  <a:gd name="connsiteX10" fmla="*/ 336840 w 463328"/>
                  <a:gd name="connsiteY10" fmla="*/ 480657 h 480657"/>
                  <a:gd name="connsiteX11" fmla="*/ 352778 w 463328"/>
                  <a:gd name="connsiteY11" fmla="*/ 470835 h 480657"/>
                  <a:gd name="connsiteX12" fmla="*/ 406988 w 463328"/>
                  <a:gd name="connsiteY12" fmla="*/ 382802 h 480657"/>
                  <a:gd name="connsiteX13" fmla="*/ 447205 w 463328"/>
                  <a:gd name="connsiteY13" fmla="*/ 316917 h 480657"/>
                  <a:gd name="connsiteX14" fmla="*/ 463329 w 463328"/>
                  <a:gd name="connsiteY14" fmla="*/ 236761 h 480657"/>
                  <a:gd name="connsiteX15" fmla="*/ 409953 w 463328"/>
                  <a:gd name="connsiteY15" fmla="*/ 235927 h 480657"/>
                  <a:gd name="connsiteX16" fmla="*/ 397629 w 463328"/>
                  <a:gd name="connsiteY16" fmla="*/ 298198 h 480657"/>
                  <a:gd name="connsiteX17" fmla="*/ 367605 w 463328"/>
                  <a:gd name="connsiteY17" fmla="*/ 347126 h 480657"/>
                  <a:gd name="connsiteX18" fmla="*/ 315063 w 463328"/>
                  <a:gd name="connsiteY18" fmla="*/ 427004 h 480657"/>
                  <a:gd name="connsiteX19" fmla="*/ 148265 w 463328"/>
                  <a:gd name="connsiteY19" fmla="*/ 427004 h 480657"/>
                  <a:gd name="connsiteX20" fmla="*/ 96187 w 463328"/>
                  <a:gd name="connsiteY20" fmla="*/ 346848 h 480657"/>
                  <a:gd name="connsiteX21" fmla="*/ 66163 w 463328"/>
                  <a:gd name="connsiteY21" fmla="*/ 297920 h 480657"/>
                  <a:gd name="connsiteX22" fmla="*/ 53375 w 463328"/>
                  <a:gd name="connsiteY22" fmla="*/ 235649 h 480657"/>
                  <a:gd name="connsiteX23" fmla="*/ 53375 w 463328"/>
                  <a:gd name="connsiteY23" fmla="*/ 228977 h 480657"/>
                  <a:gd name="connsiteX24" fmla="*/ 231386 w 463328"/>
                  <a:gd name="connsiteY24" fmla="*/ 52912 h 480657"/>
                  <a:gd name="connsiteX25" fmla="*/ 231386 w 463328"/>
                  <a:gd name="connsiteY25" fmla="*/ 52912 h 480657"/>
                  <a:gd name="connsiteX26" fmla="*/ 409397 w 463328"/>
                  <a:gd name="connsiteY26" fmla="*/ 228977 h 48065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  <a:cxn ang="0">
                    <a:pos x="connsiteX13" y="connsiteY13"/>
                  </a:cxn>
                  <a:cxn ang="0">
                    <a:pos x="connsiteX14" y="connsiteY14"/>
                  </a:cxn>
                  <a:cxn ang="0">
                    <a:pos x="connsiteX15" y="connsiteY15"/>
                  </a:cxn>
                  <a:cxn ang="0">
                    <a:pos x="connsiteX16" y="connsiteY16"/>
                  </a:cxn>
                  <a:cxn ang="0">
                    <a:pos x="connsiteX17" y="connsiteY17"/>
                  </a:cxn>
                  <a:cxn ang="0">
                    <a:pos x="connsiteX18" y="connsiteY18"/>
                  </a:cxn>
                  <a:cxn ang="0">
                    <a:pos x="connsiteX19" y="connsiteY19"/>
                  </a:cxn>
                  <a:cxn ang="0">
                    <a:pos x="connsiteX20" y="connsiteY20"/>
                  </a:cxn>
                  <a:cxn ang="0">
                    <a:pos x="connsiteX21" y="connsiteY21"/>
                  </a:cxn>
                  <a:cxn ang="0">
                    <a:pos x="connsiteX22" y="connsiteY22"/>
                  </a:cxn>
                  <a:cxn ang="0">
                    <a:pos x="connsiteX23" y="connsiteY23"/>
                  </a:cxn>
                  <a:cxn ang="0">
                    <a:pos x="connsiteX24" y="connsiteY24"/>
                  </a:cxn>
                  <a:cxn ang="0">
                    <a:pos x="connsiteX25" y="connsiteY25"/>
                  </a:cxn>
                  <a:cxn ang="0">
                    <a:pos x="connsiteX26" y="connsiteY26"/>
                  </a:cxn>
                </a:cxnLst>
                <a:rect l="l" t="t" r="r" b="b"/>
                <a:pathLst>
                  <a:path w="463328" h="480657">
                    <a:moveTo>
                      <a:pt x="463329" y="236761"/>
                    </a:moveTo>
                    <a:lnTo>
                      <a:pt x="463329" y="228792"/>
                    </a:lnTo>
                    <a:cubicBezTo>
                      <a:pt x="460968" y="102307"/>
                      <a:pt x="358169" y="782"/>
                      <a:pt x="231664" y="0"/>
                    </a:cubicBezTo>
                    <a:lnTo>
                      <a:pt x="231664" y="0"/>
                    </a:lnTo>
                    <a:cubicBezTo>
                      <a:pt x="105160" y="782"/>
                      <a:pt x="2361" y="102307"/>
                      <a:pt x="0" y="228792"/>
                    </a:cubicBezTo>
                    <a:lnTo>
                      <a:pt x="0" y="236761"/>
                    </a:lnTo>
                    <a:cubicBezTo>
                      <a:pt x="847" y="264194"/>
                      <a:pt x="6298" y="291290"/>
                      <a:pt x="16124" y="316917"/>
                    </a:cubicBezTo>
                    <a:cubicBezTo>
                      <a:pt x="25503" y="341096"/>
                      <a:pt x="39122" y="363408"/>
                      <a:pt x="56341" y="382802"/>
                    </a:cubicBezTo>
                    <a:cubicBezTo>
                      <a:pt x="77561" y="405876"/>
                      <a:pt x="100728" y="450819"/>
                      <a:pt x="110550" y="470835"/>
                    </a:cubicBezTo>
                    <a:cubicBezTo>
                      <a:pt x="113554" y="476881"/>
                      <a:pt x="119737" y="480691"/>
                      <a:pt x="126489" y="480657"/>
                    </a:cubicBezTo>
                    <a:lnTo>
                      <a:pt x="336840" y="480657"/>
                    </a:lnTo>
                    <a:cubicBezTo>
                      <a:pt x="343592" y="480691"/>
                      <a:pt x="349774" y="476881"/>
                      <a:pt x="352778" y="470835"/>
                    </a:cubicBezTo>
                    <a:cubicBezTo>
                      <a:pt x="362601" y="450819"/>
                      <a:pt x="385767" y="405969"/>
                      <a:pt x="406988" y="382802"/>
                    </a:cubicBezTo>
                    <a:cubicBezTo>
                      <a:pt x="424207" y="363408"/>
                      <a:pt x="437826" y="341096"/>
                      <a:pt x="447205" y="316917"/>
                    </a:cubicBezTo>
                    <a:cubicBezTo>
                      <a:pt x="457031" y="291290"/>
                      <a:pt x="462482" y="264194"/>
                      <a:pt x="463329" y="236761"/>
                    </a:cubicBezTo>
                    <a:close/>
                    <a:moveTo>
                      <a:pt x="409953" y="235927"/>
                    </a:moveTo>
                    <a:cubicBezTo>
                      <a:pt x="409294" y="257221"/>
                      <a:pt x="405131" y="278259"/>
                      <a:pt x="397629" y="298198"/>
                    </a:cubicBezTo>
                    <a:cubicBezTo>
                      <a:pt x="390593" y="316154"/>
                      <a:pt x="380427" y="332720"/>
                      <a:pt x="367605" y="347126"/>
                    </a:cubicBezTo>
                    <a:cubicBezTo>
                      <a:pt x="347036" y="371612"/>
                      <a:pt x="329402" y="398420"/>
                      <a:pt x="315063" y="427004"/>
                    </a:cubicBezTo>
                    <a:lnTo>
                      <a:pt x="148265" y="427004"/>
                    </a:lnTo>
                    <a:cubicBezTo>
                      <a:pt x="134091" y="398346"/>
                      <a:pt x="116612" y="371444"/>
                      <a:pt x="96187" y="346848"/>
                    </a:cubicBezTo>
                    <a:cubicBezTo>
                      <a:pt x="83365" y="332442"/>
                      <a:pt x="73199" y="315876"/>
                      <a:pt x="66163" y="297920"/>
                    </a:cubicBezTo>
                    <a:cubicBezTo>
                      <a:pt x="58504" y="278008"/>
                      <a:pt x="54183" y="256969"/>
                      <a:pt x="53375" y="235649"/>
                    </a:cubicBezTo>
                    <a:lnTo>
                      <a:pt x="53375" y="228977"/>
                    </a:lnTo>
                    <a:cubicBezTo>
                      <a:pt x="55035" y="131678"/>
                      <a:pt x="134074" y="53502"/>
                      <a:pt x="231386" y="52912"/>
                    </a:cubicBezTo>
                    <a:lnTo>
                      <a:pt x="231386" y="52912"/>
                    </a:lnTo>
                    <a:cubicBezTo>
                      <a:pt x="328698" y="53502"/>
                      <a:pt x="407738" y="131678"/>
                      <a:pt x="409397" y="228977"/>
                    </a:cubicBezTo>
                    <a:close/>
                  </a:path>
                </a:pathLst>
              </a:custGeom>
              <a:grpFill/>
              <a:ln w="9227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  <p:sp>
            <p:nvSpPr>
              <p:cNvPr id="28" name="Freeform: Shape 27">
                <a:extLst>
                  <a:ext uri="{FF2B5EF4-FFF2-40B4-BE49-F238E27FC236}">
                    <a16:creationId xmlns:a16="http://schemas.microsoft.com/office/drawing/2014/main" id="{A636DDD7-B281-455E-9FC5-F7211073344C}"/>
                  </a:ext>
                </a:extLst>
              </p:cNvPr>
              <p:cNvSpPr/>
              <p:nvPr/>
            </p:nvSpPr>
            <p:spPr>
              <a:xfrm rot="780000">
                <a:off x="7661296" y="2566080"/>
                <a:ext cx="146304" cy="365622"/>
              </a:xfrm>
              <a:custGeom>
                <a:avLst/>
                <a:gdLst>
                  <a:gd name="connsiteX0" fmla="*/ 155353 w 279177"/>
                  <a:gd name="connsiteY0" fmla="*/ 285750 h 609600"/>
                  <a:gd name="connsiteX1" fmla="*/ 155353 w 279177"/>
                  <a:gd name="connsiteY1" fmla="*/ 0 h 609600"/>
                  <a:gd name="connsiteX2" fmla="*/ 0 w 279177"/>
                  <a:gd name="connsiteY2" fmla="*/ 380714 h 609600"/>
                  <a:gd name="connsiteX3" fmla="*/ 136303 w 279177"/>
                  <a:gd name="connsiteY3" fmla="*/ 381000 h 609600"/>
                  <a:gd name="connsiteX4" fmla="*/ 136303 w 279177"/>
                  <a:gd name="connsiteY4" fmla="*/ 609600 h 609600"/>
                  <a:gd name="connsiteX5" fmla="*/ 279178 w 279177"/>
                  <a:gd name="connsiteY5" fmla="*/ 285750 h 609600"/>
                  <a:gd name="connsiteX6" fmla="*/ 155353 w 279177"/>
                  <a:gd name="connsiteY6" fmla="*/ 285750 h 6096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</a:cxnLst>
                <a:rect l="l" t="t" r="r" b="b"/>
                <a:pathLst>
                  <a:path w="279177" h="609600">
                    <a:moveTo>
                      <a:pt x="155353" y="285750"/>
                    </a:moveTo>
                    <a:lnTo>
                      <a:pt x="155353" y="0"/>
                    </a:lnTo>
                    <a:lnTo>
                      <a:pt x="0" y="380714"/>
                    </a:lnTo>
                    <a:lnTo>
                      <a:pt x="136303" y="381000"/>
                    </a:lnTo>
                    <a:lnTo>
                      <a:pt x="136303" y="609600"/>
                    </a:lnTo>
                    <a:lnTo>
                      <a:pt x="279178" y="285750"/>
                    </a:lnTo>
                    <a:lnTo>
                      <a:pt x="155353" y="285750"/>
                    </a:lnTo>
                    <a:close/>
                  </a:path>
                </a:pathLst>
              </a:custGeom>
              <a:grpFill/>
              <a:ln w="9525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</p:grpSp>
      </p:grpSp>
      <p:sp>
        <p:nvSpPr>
          <p:cNvPr id="14" name="Rectangle 13">
            <a:extLst>
              <a:ext uri="{FF2B5EF4-FFF2-40B4-BE49-F238E27FC236}">
                <a16:creationId xmlns:a16="http://schemas.microsoft.com/office/drawing/2014/main" id="{AFA2908C-126F-4DE7-8B30-D287A64E4942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</p:spTree>
    <p:extLst>
      <p:ext uri="{BB962C8B-B14F-4D97-AF65-F5344CB8AC3E}">
        <p14:creationId xmlns:p14="http://schemas.microsoft.com/office/powerpoint/2010/main" val="138064502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NIMATED Use Ca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7" name="Group 46">
            <a:extLst>
              <a:ext uri="{FF2B5EF4-FFF2-40B4-BE49-F238E27FC236}">
                <a16:creationId xmlns:a16="http://schemas.microsoft.com/office/drawing/2014/main" id="{9E70012E-AEFC-4EEA-A5BC-A4E785994D0F}"/>
              </a:ext>
            </a:extLst>
          </p:cNvPr>
          <p:cNvGrpSpPr/>
          <p:nvPr userDrawn="1"/>
        </p:nvGrpSpPr>
        <p:grpSpPr>
          <a:xfrm>
            <a:off x="12231016" y="548197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grpSp>
          <p:nvGrpSpPr>
            <p:cNvPr id="46" name="Group 45">
              <a:extLst>
                <a:ext uri="{FF2B5EF4-FFF2-40B4-BE49-F238E27FC236}">
                  <a16:creationId xmlns:a16="http://schemas.microsoft.com/office/drawing/2014/main" id="{3F181A41-D2D7-4791-B070-02759EFBF93A}"/>
                </a:ext>
              </a:extLst>
            </p:cNvPr>
            <p:cNvGrpSpPr/>
            <p:nvPr userDrawn="1"/>
          </p:nvGrpSpPr>
          <p:grpSpPr>
            <a:xfrm>
              <a:off x="10992291" y="581245"/>
              <a:ext cx="666309" cy="666309"/>
              <a:chOff x="13003652" y="1939091"/>
              <a:chExt cx="914400" cy="914400"/>
            </a:xfrm>
          </p:grpSpPr>
          <p:pic>
            <p:nvPicPr>
              <p:cNvPr id="45" name="Graphic 44" descr="Magnifying glass with solid fill">
                <a:extLst>
                  <a:ext uri="{FF2B5EF4-FFF2-40B4-BE49-F238E27FC236}">
                    <a16:creationId xmlns:a16="http://schemas.microsoft.com/office/drawing/2014/main" id="{507ED485-2204-4E19-934A-368B03CAFC5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 cstate="hqprint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13003652" y="1939091"/>
                <a:ext cx="914400" cy="914400"/>
              </a:xfrm>
              <a:prstGeom prst="rect">
                <a:avLst/>
              </a:prstGeom>
            </p:spPr>
          </p:pic>
          <p:sp>
            <p:nvSpPr>
              <p:cNvPr id="26" name="Graphic 32" descr="Heartbeat outline">
                <a:extLst>
                  <a:ext uri="{FF2B5EF4-FFF2-40B4-BE49-F238E27FC236}">
                    <a16:creationId xmlns:a16="http://schemas.microsoft.com/office/drawing/2014/main" id="{E7FBF065-2E22-44BC-9CBC-3DEEFE295368}"/>
                  </a:ext>
                </a:extLst>
              </p:cNvPr>
              <p:cNvSpPr/>
              <p:nvPr/>
            </p:nvSpPr>
            <p:spPr>
              <a:xfrm>
                <a:off x="13111937" y="2140094"/>
                <a:ext cx="507811" cy="292293"/>
              </a:xfrm>
              <a:custGeom>
                <a:avLst/>
                <a:gdLst>
                  <a:gd name="connsiteX0" fmla="*/ 542495 w 1231929"/>
                  <a:gd name="connsiteY0" fmla="*/ 496638 h 496637"/>
                  <a:gd name="connsiteX1" fmla="*/ 541217 w 1231929"/>
                  <a:gd name="connsiteY1" fmla="*/ 496638 h 496637"/>
                  <a:gd name="connsiteX2" fmla="*/ 527358 w 1231929"/>
                  <a:gd name="connsiteY2" fmla="*/ 488477 h 496637"/>
                  <a:gd name="connsiteX3" fmla="*/ 394402 w 1231929"/>
                  <a:gd name="connsiteY3" fmla="*/ 49592 h 496637"/>
                  <a:gd name="connsiteX4" fmla="*/ 394110 w 1231929"/>
                  <a:gd name="connsiteY4" fmla="*/ 49592 h 496637"/>
                  <a:gd name="connsiteX5" fmla="*/ 289688 w 1231929"/>
                  <a:gd name="connsiteY5" fmla="*/ 251631 h 496637"/>
                  <a:gd name="connsiteX6" fmla="*/ 275105 w 1231929"/>
                  <a:gd name="connsiteY6" fmla="*/ 258527 h 496637"/>
                  <a:gd name="connsiteX7" fmla="*/ 0 w 1231929"/>
                  <a:gd name="connsiteY7" fmla="*/ 258527 h 496637"/>
                  <a:gd name="connsiteX8" fmla="*/ 0 w 1231929"/>
                  <a:gd name="connsiteY8" fmla="*/ 238124 h 496637"/>
                  <a:gd name="connsiteX9" fmla="*/ 264095 w 1231929"/>
                  <a:gd name="connsiteY9" fmla="*/ 238124 h 496637"/>
                  <a:gd name="connsiteX10" fmla="*/ 383592 w 1231929"/>
                  <a:gd name="connsiteY10" fmla="*/ 6909 h 496637"/>
                  <a:gd name="connsiteX11" fmla="*/ 403140 w 1231929"/>
                  <a:gd name="connsiteY11" fmla="*/ 550 h 496637"/>
                  <a:gd name="connsiteX12" fmla="*/ 413266 w 1231929"/>
                  <a:gd name="connsiteY12" fmla="*/ 8205 h 496637"/>
                  <a:gd name="connsiteX13" fmla="*/ 546992 w 1231929"/>
                  <a:gd name="connsiteY13" fmla="*/ 449477 h 496637"/>
                  <a:gd name="connsiteX14" fmla="*/ 547285 w 1231929"/>
                  <a:gd name="connsiteY14" fmla="*/ 449477 h 496637"/>
                  <a:gd name="connsiteX15" fmla="*/ 741822 w 1231929"/>
                  <a:gd name="connsiteY15" fmla="*/ 111688 h 496637"/>
                  <a:gd name="connsiteX16" fmla="*/ 756867 w 1231929"/>
                  <a:gd name="connsiteY16" fmla="*/ 105139 h 496637"/>
                  <a:gd name="connsiteX17" fmla="*/ 771018 w 1231929"/>
                  <a:gd name="connsiteY17" fmla="*/ 112524 h 496637"/>
                  <a:gd name="connsiteX18" fmla="*/ 867555 w 1231929"/>
                  <a:gd name="connsiteY18" fmla="*/ 336211 h 496637"/>
                  <a:gd name="connsiteX19" fmla="*/ 867817 w 1231929"/>
                  <a:gd name="connsiteY19" fmla="*/ 336211 h 496637"/>
                  <a:gd name="connsiteX20" fmla="*/ 1002190 w 1231929"/>
                  <a:gd name="connsiteY20" fmla="*/ 241338 h 496637"/>
                  <a:gd name="connsiteX21" fmla="*/ 1013431 w 1231929"/>
                  <a:gd name="connsiteY21" fmla="*/ 238114 h 496637"/>
                  <a:gd name="connsiteX22" fmla="*/ 1231929 w 1231929"/>
                  <a:gd name="connsiteY22" fmla="*/ 238114 h 496637"/>
                  <a:gd name="connsiteX23" fmla="*/ 1231929 w 1231929"/>
                  <a:gd name="connsiteY23" fmla="*/ 258517 h 496637"/>
                  <a:gd name="connsiteX24" fmla="*/ 1020084 w 1231929"/>
                  <a:gd name="connsiteY24" fmla="*/ 258517 h 496637"/>
                  <a:gd name="connsiteX25" fmla="*/ 871590 w 1231929"/>
                  <a:gd name="connsiteY25" fmla="*/ 363448 h 496637"/>
                  <a:gd name="connsiteX26" fmla="*/ 849825 w 1231929"/>
                  <a:gd name="connsiteY26" fmla="*/ 363930 h 496637"/>
                  <a:gd name="connsiteX27" fmla="*/ 845535 w 1231929"/>
                  <a:gd name="connsiteY27" fmla="*/ 359276 h 496637"/>
                  <a:gd name="connsiteX28" fmla="*/ 754249 w 1231929"/>
                  <a:gd name="connsiteY28" fmla="*/ 147882 h 496637"/>
                  <a:gd name="connsiteX29" fmla="*/ 753956 w 1231929"/>
                  <a:gd name="connsiteY29" fmla="*/ 147882 h 496637"/>
                  <a:gd name="connsiteX30" fmla="*/ 556878 w 1231929"/>
                  <a:gd name="connsiteY30" fmla="*/ 490078 h 496637"/>
                  <a:gd name="connsiteX31" fmla="*/ 542495 w 1231929"/>
                  <a:gd name="connsiteY31" fmla="*/ 496638 h 49663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  <a:cxn ang="0">
                    <a:pos x="connsiteX13" y="connsiteY13"/>
                  </a:cxn>
                  <a:cxn ang="0">
                    <a:pos x="connsiteX14" y="connsiteY14"/>
                  </a:cxn>
                  <a:cxn ang="0">
                    <a:pos x="connsiteX15" y="connsiteY15"/>
                  </a:cxn>
                  <a:cxn ang="0">
                    <a:pos x="connsiteX16" y="connsiteY16"/>
                  </a:cxn>
                  <a:cxn ang="0">
                    <a:pos x="connsiteX17" y="connsiteY17"/>
                  </a:cxn>
                  <a:cxn ang="0">
                    <a:pos x="connsiteX18" y="connsiteY18"/>
                  </a:cxn>
                  <a:cxn ang="0">
                    <a:pos x="connsiteX19" y="connsiteY19"/>
                  </a:cxn>
                  <a:cxn ang="0">
                    <a:pos x="connsiteX20" y="connsiteY20"/>
                  </a:cxn>
                  <a:cxn ang="0">
                    <a:pos x="connsiteX21" y="connsiteY21"/>
                  </a:cxn>
                  <a:cxn ang="0">
                    <a:pos x="connsiteX22" y="connsiteY22"/>
                  </a:cxn>
                  <a:cxn ang="0">
                    <a:pos x="connsiteX23" y="connsiteY23"/>
                  </a:cxn>
                  <a:cxn ang="0">
                    <a:pos x="connsiteX24" y="connsiteY24"/>
                  </a:cxn>
                  <a:cxn ang="0">
                    <a:pos x="connsiteX25" y="connsiteY25"/>
                  </a:cxn>
                  <a:cxn ang="0">
                    <a:pos x="connsiteX26" y="connsiteY26"/>
                  </a:cxn>
                  <a:cxn ang="0">
                    <a:pos x="connsiteX27" y="connsiteY27"/>
                  </a:cxn>
                  <a:cxn ang="0">
                    <a:pos x="connsiteX28" y="connsiteY28"/>
                  </a:cxn>
                  <a:cxn ang="0">
                    <a:pos x="connsiteX29" y="connsiteY29"/>
                  </a:cxn>
                  <a:cxn ang="0">
                    <a:pos x="connsiteX30" y="connsiteY30"/>
                  </a:cxn>
                  <a:cxn ang="0">
                    <a:pos x="connsiteX31" y="connsiteY31"/>
                  </a:cxn>
                </a:cxnLst>
                <a:rect l="l" t="t" r="r" b="b"/>
                <a:pathLst>
                  <a:path w="1231929" h="496637">
                    <a:moveTo>
                      <a:pt x="542495" y="496638"/>
                    </a:moveTo>
                    <a:cubicBezTo>
                      <a:pt x="542064" y="496638"/>
                      <a:pt x="541648" y="496638"/>
                      <a:pt x="541217" y="496638"/>
                    </a:cubicBezTo>
                    <a:cubicBezTo>
                      <a:pt x="534366" y="496272"/>
                      <a:pt x="528710" y="492942"/>
                      <a:pt x="527358" y="488477"/>
                    </a:cubicBezTo>
                    <a:lnTo>
                      <a:pt x="394402" y="49592"/>
                    </a:lnTo>
                    <a:cubicBezTo>
                      <a:pt x="394402" y="49388"/>
                      <a:pt x="394202" y="49378"/>
                      <a:pt x="394110" y="49592"/>
                    </a:cubicBezTo>
                    <a:lnTo>
                      <a:pt x="289688" y="251631"/>
                    </a:lnTo>
                    <a:cubicBezTo>
                      <a:pt x="287554" y="255759"/>
                      <a:pt x="281693" y="258531"/>
                      <a:pt x="275105" y="258527"/>
                    </a:cubicBezTo>
                    <a:lnTo>
                      <a:pt x="0" y="258527"/>
                    </a:lnTo>
                    <a:lnTo>
                      <a:pt x="0" y="238124"/>
                    </a:lnTo>
                    <a:lnTo>
                      <a:pt x="264095" y="238124"/>
                    </a:lnTo>
                    <a:lnTo>
                      <a:pt x="383592" y="6909"/>
                    </a:lnTo>
                    <a:cubicBezTo>
                      <a:pt x="386339" y="1577"/>
                      <a:pt x="395090" y="-1270"/>
                      <a:pt x="403140" y="550"/>
                    </a:cubicBezTo>
                    <a:cubicBezTo>
                      <a:pt x="408332" y="1724"/>
                      <a:pt x="412191" y="4640"/>
                      <a:pt x="413266" y="8205"/>
                    </a:cubicBezTo>
                    <a:lnTo>
                      <a:pt x="546992" y="449477"/>
                    </a:lnTo>
                    <a:cubicBezTo>
                      <a:pt x="546992" y="449660"/>
                      <a:pt x="547177" y="449671"/>
                      <a:pt x="547285" y="449477"/>
                    </a:cubicBezTo>
                    <a:lnTo>
                      <a:pt x="741822" y="111688"/>
                    </a:lnTo>
                    <a:cubicBezTo>
                      <a:pt x="744090" y="107537"/>
                      <a:pt x="750214" y="104870"/>
                      <a:pt x="756867" y="105139"/>
                    </a:cubicBezTo>
                    <a:cubicBezTo>
                      <a:pt x="763493" y="105325"/>
                      <a:pt x="769194" y="108301"/>
                      <a:pt x="771018" y="112524"/>
                    </a:cubicBezTo>
                    <a:lnTo>
                      <a:pt x="867555" y="336211"/>
                    </a:lnTo>
                    <a:cubicBezTo>
                      <a:pt x="867555" y="336302"/>
                      <a:pt x="867709" y="336323"/>
                      <a:pt x="867817" y="336211"/>
                    </a:cubicBezTo>
                    <a:lnTo>
                      <a:pt x="1002190" y="241338"/>
                    </a:lnTo>
                    <a:cubicBezTo>
                      <a:pt x="1005103" y="239280"/>
                      <a:pt x="1009172" y="238113"/>
                      <a:pt x="1013431" y="238114"/>
                    </a:cubicBezTo>
                    <a:lnTo>
                      <a:pt x="1231929" y="238114"/>
                    </a:lnTo>
                    <a:lnTo>
                      <a:pt x="1231929" y="258517"/>
                    </a:lnTo>
                    <a:lnTo>
                      <a:pt x="1020084" y="258517"/>
                    </a:lnTo>
                    <a:lnTo>
                      <a:pt x="871590" y="363448"/>
                    </a:lnTo>
                    <a:cubicBezTo>
                      <a:pt x="865780" y="367563"/>
                      <a:pt x="856035" y="367779"/>
                      <a:pt x="849825" y="363930"/>
                    </a:cubicBezTo>
                    <a:cubicBezTo>
                      <a:pt x="847783" y="362665"/>
                      <a:pt x="846300" y="361056"/>
                      <a:pt x="845535" y="359276"/>
                    </a:cubicBezTo>
                    <a:lnTo>
                      <a:pt x="754249" y="147882"/>
                    </a:lnTo>
                    <a:cubicBezTo>
                      <a:pt x="754249" y="147719"/>
                      <a:pt x="754048" y="147709"/>
                      <a:pt x="753956" y="147882"/>
                    </a:cubicBezTo>
                    <a:lnTo>
                      <a:pt x="556878" y="490078"/>
                    </a:lnTo>
                    <a:cubicBezTo>
                      <a:pt x="554599" y="494028"/>
                      <a:pt x="548878" y="496638"/>
                      <a:pt x="542495" y="496638"/>
                    </a:cubicBezTo>
                    <a:close/>
                  </a:path>
                </a:pathLst>
              </a:custGeom>
              <a:solidFill>
                <a:schemeClr val="bg1"/>
              </a:solidFill>
              <a:ln w="15381" cap="flat">
                <a:solidFill>
                  <a:schemeClr val="bg1"/>
                </a:solidFill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</p:grpSp>
      </p:grpSp>
      <p:sp>
        <p:nvSpPr>
          <p:cNvPr id="9" name="Rectangle 8">
            <a:extLst>
              <a:ext uri="{FF2B5EF4-FFF2-40B4-BE49-F238E27FC236}">
                <a16:creationId xmlns:a16="http://schemas.microsoft.com/office/drawing/2014/main" id="{68DE1B94-AC1E-413A-9ACD-86EECB306DB7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  <p:sp>
        <p:nvSpPr>
          <p:cNvPr id="10" name="Title 1">
            <a:extLst>
              <a:ext uri="{FF2B5EF4-FFF2-40B4-BE49-F238E27FC236}">
                <a16:creationId xmlns:a16="http://schemas.microsoft.com/office/drawing/2014/main" id="{00416139-1D03-4E97-A0C2-C558D5BF44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21600058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10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2" dur="750" fill="hold"/>
                                            <p:tgtEl>
                                              <p:spTgt spid="10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3" dur="750" fill="hold"/>
                                            <p:tgtEl>
                                              <p:spTgt spid="10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7" dur="5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8" dur="5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9" grpId="0" animBg="1"/>
          <p:bldP spid="10" grpId="0"/>
        </p:bldLst>
      </p:timing>
    </mc:Choice>
    <mc:Fallback xmlns="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9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10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2" dur="750" fill="hold"/>
                                            <p:tgtEl>
                                              <p:spTgt spid="10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3" dur="750" fill="hold"/>
                                            <p:tgtEl>
                                              <p:spTgt spid="10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7" dur="5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8" dur="500" fill="hold"/>
                                            <p:tgtEl>
                                              <p:spTgt spid="47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9" grpId="0" animBg="1"/>
          <p:bldP spid="10" grpId="0"/>
        </p:bldLst>
      </p:timing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Use Ca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7" name="Group 46">
            <a:extLst>
              <a:ext uri="{FF2B5EF4-FFF2-40B4-BE49-F238E27FC236}">
                <a16:creationId xmlns:a16="http://schemas.microsoft.com/office/drawing/2014/main" id="{9E70012E-AEFC-4EEA-A5BC-A4E785994D0F}"/>
              </a:ext>
            </a:extLst>
          </p:cNvPr>
          <p:cNvGrpSpPr/>
          <p:nvPr userDrawn="1"/>
        </p:nvGrpSpPr>
        <p:grpSpPr>
          <a:xfrm>
            <a:off x="12231016" y="548197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grpSp>
          <p:nvGrpSpPr>
            <p:cNvPr id="46" name="Group 45">
              <a:extLst>
                <a:ext uri="{FF2B5EF4-FFF2-40B4-BE49-F238E27FC236}">
                  <a16:creationId xmlns:a16="http://schemas.microsoft.com/office/drawing/2014/main" id="{3F181A41-D2D7-4791-B070-02759EFBF93A}"/>
                </a:ext>
              </a:extLst>
            </p:cNvPr>
            <p:cNvGrpSpPr/>
            <p:nvPr userDrawn="1"/>
          </p:nvGrpSpPr>
          <p:grpSpPr>
            <a:xfrm>
              <a:off x="10992291" y="581245"/>
              <a:ext cx="666309" cy="666309"/>
              <a:chOff x="13003652" y="1939091"/>
              <a:chExt cx="914400" cy="914400"/>
            </a:xfrm>
          </p:grpSpPr>
          <p:pic>
            <p:nvPicPr>
              <p:cNvPr id="45" name="Graphic 44" descr="Magnifying glass with solid fill">
                <a:extLst>
                  <a:ext uri="{FF2B5EF4-FFF2-40B4-BE49-F238E27FC236}">
                    <a16:creationId xmlns:a16="http://schemas.microsoft.com/office/drawing/2014/main" id="{507ED485-2204-4E19-934A-368B03CAFC50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2" cstate="hqprint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"/>
                  </a:ext>
                </a:extLst>
              </a:blip>
              <a:stretch>
                <a:fillRect/>
              </a:stretch>
            </p:blipFill>
            <p:spPr>
              <a:xfrm>
                <a:off x="13003652" y="1939091"/>
                <a:ext cx="914400" cy="914400"/>
              </a:xfrm>
              <a:prstGeom prst="rect">
                <a:avLst/>
              </a:prstGeom>
            </p:spPr>
          </p:pic>
          <p:sp>
            <p:nvSpPr>
              <p:cNvPr id="26" name="Graphic 32" descr="Heartbeat outline">
                <a:extLst>
                  <a:ext uri="{FF2B5EF4-FFF2-40B4-BE49-F238E27FC236}">
                    <a16:creationId xmlns:a16="http://schemas.microsoft.com/office/drawing/2014/main" id="{E7FBF065-2E22-44BC-9CBC-3DEEFE295368}"/>
                  </a:ext>
                </a:extLst>
              </p:cNvPr>
              <p:cNvSpPr/>
              <p:nvPr/>
            </p:nvSpPr>
            <p:spPr>
              <a:xfrm>
                <a:off x="13111937" y="2140094"/>
                <a:ext cx="507811" cy="292293"/>
              </a:xfrm>
              <a:custGeom>
                <a:avLst/>
                <a:gdLst>
                  <a:gd name="connsiteX0" fmla="*/ 542495 w 1231929"/>
                  <a:gd name="connsiteY0" fmla="*/ 496638 h 496637"/>
                  <a:gd name="connsiteX1" fmla="*/ 541217 w 1231929"/>
                  <a:gd name="connsiteY1" fmla="*/ 496638 h 496637"/>
                  <a:gd name="connsiteX2" fmla="*/ 527358 w 1231929"/>
                  <a:gd name="connsiteY2" fmla="*/ 488477 h 496637"/>
                  <a:gd name="connsiteX3" fmla="*/ 394402 w 1231929"/>
                  <a:gd name="connsiteY3" fmla="*/ 49592 h 496637"/>
                  <a:gd name="connsiteX4" fmla="*/ 394110 w 1231929"/>
                  <a:gd name="connsiteY4" fmla="*/ 49592 h 496637"/>
                  <a:gd name="connsiteX5" fmla="*/ 289688 w 1231929"/>
                  <a:gd name="connsiteY5" fmla="*/ 251631 h 496637"/>
                  <a:gd name="connsiteX6" fmla="*/ 275105 w 1231929"/>
                  <a:gd name="connsiteY6" fmla="*/ 258527 h 496637"/>
                  <a:gd name="connsiteX7" fmla="*/ 0 w 1231929"/>
                  <a:gd name="connsiteY7" fmla="*/ 258527 h 496637"/>
                  <a:gd name="connsiteX8" fmla="*/ 0 w 1231929"/>
                  <a:gd name="connsiteY8" fmla="*/ 238124 h 496637"/>
                  <a:gd name="connsiteX9" fmla="*/ 264095 w 1231929"/>
                  <a:gd name="connsiteY9" fmla="*/ 238124 h 496637"/>
                  <a:gd name="connsiteX10" fmla="*/ 383592 w 1231929"/>
                  <a:gd name="connsiteY10" fmla="*/ 6909 h 496637"/>
                  <a:gd name="connsiteX11" fmla="*/ 403140 w 1231929"/>
                  <a:gd name="connsiteY11" fmla="*/ 550 h 496637"/>
                  <a:gd name="connsiteX12" fmla="*/ 413266 w 1231929"/>
                  <a:gd name="connsiteY12" fmla="*/ 8205 h 496637"/>
                  <a:gd name="connsiteX13" fmla="*/ 546992 w 1231929"/>
                  <a:gd name="connsiteY13" fmla="*/ 449477 h 496637"/>
                  <a:gd name="connsiteX14" fmla="*/ 547285 w 1231929"/>
                  <a:gd name="connsiteY14" fmla="*/ 449477 h 496637"/>
                  <a:gd name="connsiteX15" fmla="*/ 741822 w 1231929"/>
                  <a:gd name="connsiteY15" fmla="*/ 111688 h 496637"/>
                  <a:gd name="connsiteX16" fmla="*/ 756867 w 1231929"/>
                  <a:gd name="connsiteY16" fmla="*/ 105139 h 496637"/>
                  <a:gd name="connsiteX17" fmla="*/ 771018 w 1231929"/>
                  <a:gd name="connsiteY17" fmla="*/ 112524 h 496637"/>
                  <a:gd name="connsiteX18" fmla="*/ 867555 w 1231929"/>
                  <a:gd name="connsiteY18" fmla="*/ 336211 h 496637"/>
                  <a:gd name="connsiteX19" fmla="*/ 867817 w 1231929"/>
                  <a:gd name="connsiteY19" fmla="*/ 336211 h 496637"/>
                  <a:gd name="connsiteX20" fmla="*/ 1002190 w 1231929"/>
                  <a:gd name="connsiteY20" fmla="*/ 241338 h 496637"/>
                  <a:gd name="connsiteX21" fmla="*/ 1013431 w 1231929"/>
                  <a:gd name="connsiteY21" fmla="*/ 238114 h 496637"/>
                  <a:gd name="connsiteX22" fmla="*/ 1231929 w 1231929"/>
                  <a:gd name="connsiteY22" fmla="*/ 238114 h 496637"/>
                  <a:gd name="connsiteX23" fmla="*/ 1231929 w 1231929"/>
                  <a:gd name="connsiteY23" fmla="*/ 258517 h 496637"/>
                  <a:gd name="connsiteX24" fmla="*/ 1020084 w 1231929"/>
                  <a:gd name="connsiteY24" fmla="*/ 258517 h 496637"/>
                  <a:gd name="connsiteX25" fmla="*/ 871590 w 1231929"/>
                  <a:gd name="connsiteY25" fmla="*/ 363448 h 496637"/>
                  <a:gd name="connsiteX26" fmla="*/ 849825 w 1231929"/>
                  <a:gd name="connsiteY26" fmla="*/ 363930 h 496637"/>
                  <a:gd name="connsiteX27" fmla="*/ 845535 w 1231929"/>
                  <a:gd name="connsiteY27" fmla="*/ 359276 h 496637"/>
                  <a:gd name="connsiteX28" fmla="*/ 754249 w 1231929"/>
                  <a:gd name="connsiteY28" fmla="*/ 147882 h 496637"/>
                  <a:gd name="connsiteX29" fmla="*/ 753956 w 1231929"/>
                  <a:gd name="connsiteY29" fmla="*/ 147882 h 496637"/>
                  <a:gd name="connsiteX30" fmla="*/ 556878 w 1231929"/>
                  <a:gd name="connsiteY30" fmla="*/ 490078 h 496637"/>
                  <a:gd name="connsiteX31" fmla="*/ 542495 w 1231929"/>
                  <a:gd name="connsiteY31" fmla="*/ 496638 h 49663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  <a:cxn ang="0">
                    <a:pos x="connsiteX13" y="connsiteY13"/>
                  </a:cxn>
                  <a:cxn ang="0">
                    <a:pos x="connsiteX14" y="connsiteY14"/>
                  </a:cxn>
                  <a:cxn ang="0">
                    <a:pos x="connsiteX15" y="connsiteY15"/>
                  </a:cxn>
                  <a:cxn ang="0">
                    <a:pos x="connsiteX16" y="connsiteY16"/>
                  </a:cxn>
                  <a:cxn ang="0">
                    <a:pos x="connsiteX17" y="connsiteY17"/>
                  </a:cxn>
                  <a:cxn ang="0">
                    <a:pos x="connsiteX18" y="connsiteY18"/>
                  </a:cxn>
                  <a:cxn ang="0">
                    <a:pos x="connsiteX19" y="connsiteY19"/>
                  </a:cxn>
                  <a:cxn ang="0">
                    <a:pos x="connsiteX20" y="connsiteY20"/>
                  </a:cxn>
                  <a:cxn ang="0">
                    <a:pos x="connsiteX21" y="connsiteY21"/>
                  </a:cxn>
                  <a:cxn ang="0">
                    <a:pos x="connsiteX22" y="connsiteY22"/>
                  </a:cxn>
                  <a:cxn ang="0">
                    <a:pos x="connsiteX23" y="connsiteY23"/>
                  </a:cxn>
                  <a:cxn ang="0">
                    <a:pos x="connsiteX24" y="connsiteY24"/>
                  </a:cxn>
                  <a:cxn ang="0">
                    <a:pos x="connsiteX25" y="connsiteY25"/>
                  </a:cxn>
                  <a:cxn ang="0">
                    <a:pos x="connsiteX26" y="connsiteY26"/>
                  </a:cxn>
                  <a:cxn ang="0">
                    <a:pos x="connsiteX27" y="connsiteY27"/>
                  </a:cxn>
                  <a:cxn ang="0">
                    <a:pos x="connsiteX28" y="connsiteY28"/>
                  </a:cxn>
                  <a:cxn ang="0">
                    <a:pos x="connsiteX29" y="connsiteY29"/>
                  </a:cxn>
                  <a:cxn ang="0">
                    <a:pos x="connsiteX30" y="connsiteY30"/>
                  </a:cxn>
                  <a:cxn ang="0">
                    <a:pos x="connsiteX31" y="connsiteY31"/>
                  </a:cxn>
                </a:cxnLst>
                <a:rect l="l" t="t" r="r" b="b"/>
                <a:pathLst>
                  <a:path w="1231929" h="496637">
                    <a:moveTo>
                      <a:pt x="542495" y="496638"/>
                    </a:moveTo>
                    <a:cubicBezTo>
                      <a:pt x="542064" y="496638"/>
                      <a:pt x="541648" y="496638"/>
                      <a:pt x="541217" y="496638"/>
                    </a:cubicBezTo>
                    <a:cubicBezTo>
                      <a:pt x="534366" y="496272"/>
                      <a:pt x="528710" y="492942"/>
                      <a:pt x="527358" y="488477"/>
                    </a:cubicBezTo>
                    <a:lnTo>
                      <a:pt x="394402" y="49592"/>
                    </a:lnTo>
                    <a:cubicBezTo>
                      <a:pt x="394402" y="49388"/>
                      <a:pt x="394202" y="49378"/>
                      <a:pt x="394110" y="49592"/>
                    </a:cubicBezTo>
                    <a:lnTo>
                      <a:pt x="289688" y="251631"/>
                    </a:lnTo>
                    <a:cubicBezTo>
                      <a:pt x="287554" y="255759"/>
                      <a:pt x="281693" y="258531"/>
                      <a:pt x="275105" y="258527"/>
                    </a:cubicBezTo>
                    <a:lnTo>
                      <a:pt x="0" y="258527"/>
                    </a:lnTo>
                    <a:lnTo>
                      <a:pt x="0" y="238124"/>
                    </a:lnTo>
                    <a:lnTo>
                      <a:pt x="264095" y="238124"/>
                    </a:lnTo>
                    <a:lnTo>
                      <a:pt x="383592" y="6909"/>
                    </a:lnTo>
                    <a:cubicBezTo>
                      <a:pt x="386339" y="1577"/>
                      <a:pt x="395090" y="-1270"/>
                      <a:pt x="403140" y="550"/>
                    </a:cubicBezTo>
                    <a:cubicBezTo>
                      <a:pt x="408332" y="1724"/>
                      <a:pt x="412191" y="4640"/>
                      <a:pt x="413266" y="8205"/>
                    </a:cubicBezTo>
                    <a:lnTo>
                      <a:pt x="546992" y="449477"/>
                    </a:lnTo>
                    <a:cubicBezTo>
                      <a:pt x="546992" y="449660"/>
                      <a:pt x="547177" y="449671"/>
                      <a:pt x="547285" y="449477"/>
                    </a:cubicBezTo>
                    <a:lnTo>
                      <a:pt x="741822" y="111688"/>
                    </a:lnTo>
                    <a:cubicBezTo>
                      <a:pt x="744090" y="107537"/>
                      <a:pt x="750214" y="104870"/>
                      <a:pt x="756867" y="105139"/>
                    </a:cubicBezTo>
                    <a:cubicBezTo>
                      <a:pt x="763493" y="105325"/>
                      <a:pt x="769194" y="108301"/>
                      <a:pt x="771018" y="112524"/>
                    </a:cubicBezTo>
                    <a:lnTo>
                      <a:pt x="867555" y="336211"/>
                    </a:lnTo>
                    <a:cubicBezTo>
                      <a:pt x="867555" y="336302"/>
                      <a:pt x="867709" y="336323"/>
                      <a:pt x="867817" y="336211"/>
                    </a:cubicBezTo>
                    <a:lnTo>
                      <a:pt x="1002190" y="241338"/>
                    </a:lnTo>
                    <a:cubicBezTo>
                      <a:pt x="1005103" y="239280"/>
                      <a:pt x="1009172" y="238113"/>
                      <a:pt x="1013431" y="238114"/>
                    </a:cubicBezTo>
                    <a:lnTo>
                      <a:pt x="1231929" y="238114"/>
                    </a:lnTo>
                    <a:lnTo>
                      <a:pt x="1231929" y="258517"/>
                    </a:lnTo>
                    <a:lnTo>
                      <a:pt x="1020084" y="258517"/>
                    </a:lnTo>
                    <a:lnTo>
                      <a:pt x="871590" y="363448"/>
                    </a:lnTo>
                    <a:cubicBezTo>
                      <a:pt x="865780" y="367563"/>
                      <a:pt x="856035" y="367779"/>
                      <a:pt x="849825" y="363930"/>
                    </a:cubicBezTo>
                    <a:cubicBezTo>
                      <a:pt x="847783" y="362665"/>
                      <a:pt x="846300" y="361056"/>
                      <a:pt x="845535" y="359276"/>
                    </a:cubicBezTo>
                    <a:lnTo>
                      <a:pt x="754249" y="147882"/>
                    </a:lnTo>
                    <a:cubicBezTo>
                      <a:pt x="754249" y="147719"/>
                      <a:pt x="754048" y="147709"/>
                      <a:pt x="753956" y="147882"/>
                    </a:cubicBezTo>
                    <a:lnTo>
                      <a:pt x="556878" y="490078"/>
                    </a:lnTo>
                    <a:cubicBezTo>
                      <a:pt x="554599" y="494028"/>
                      <a:pt x="548878" y="496638"/>
                      <a:pt x="542495" y="496638"/>
                    </a:cubicBezTo>
                    <a:close/>
                  </a:path>
                </a:pathLst>
              </a:custGeom>
              <a:solidFill>
                <a:schemeClr val="bg1"/>
              </a:solidFill>
              <a:ln w="15381" cap="flat">
                <a:solidFill>
                  <a:schemeClr val="bg1"/>
                </a:solidFill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</p:grpSp>
      </p:grpSp>
      <p:sp>
        <p:nvSpPr>
          <p:cNvPr id="9" name="Rectangle 8">
            <a:extLst>
              <a:ext uri="{FF2B5EF4-FFF2-40B4-BE49-F238E27FC236}">
                <a16:creationId xmlns:a16="http://schemas.microsoft.com/office/drawing/2014/main" id="{68DE1B94-AC1E-413A-9ACD-86EECB306DB7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  <p:sp>
        <p:nvSpPr>
          <p:cNvPr id="10" name="Title 1">
            <a:extLst>
              <a:ext uri="{FF2B5EF4-FFF2-40B4-BE49-F238E27FC236}">
                <a16:creationId xmlns:a16="http://schemas.microsoft.com/office/drawing/2014/main" id="{00416139-1D03-4E97-A0C2-C558D5BF44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339992491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NIMATED Dem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E7D22328-1141-490D-9DEA-3460AB07A4AF}"/>
              </a:ext>
            </a:extLst>
          </p:cNvPr>
          <p:cNvGrpSpPr/>
          <p:nvPr userDrawn="1"/>
        </p:nvGrpSpPr>
        <p:grpSpPr>
          <a:xfrm>
            <a:off x="12231016" y="548197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6" name="Graphic 5" descr="Laptop with solid fill">
              <a:extLst>
                <a:ext uri="{FF2B5EF4-FFF2-40B4-BE49-F238E27FC236}">
                  <a16:creationId xmlns:a16="http://schemas.microsoft.com/office/drawing/2014/main" id="{53529B05-F44F-4552-9CED-D547AA29736E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"/>
                </a:ext>
              </a:extLst>
            </a:blip>
            <a:stretch>
              <a:fillRect/>
            </a:stretch>
          </p:blipFill>
          <p:spPr>
            <a:xfrm>
              <a:off x="10984532" y="595563"/>
              <a:ext cx="637674" cy="637674"/>
            </a:xfrm>
            <a:prstGeom prst="rect">
              <a:avLst/>
            </a:prstGeom>
          </p:spPr>
        </p:pic>
      </p:grpSp>
      <p:sp>
        <p:nvSpPr>
          <p:cNvPr id="8" name="Rectangle 7">
            <a:extLst>
              <a:ext uri="{FF2B5EF4-FFF2-40B4-BE49-F238E27FC236}">
                <a16:creationId xmlns:a16="http://schemas.microsoft.com/office/drawing/2014/main" id="{0BF3997A-BDB8-4B99-B82F-6F781A602929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</p:spTree>
    <p:extLst>
      <p:ext uri="{BB962C8B-B14F-4D97-AF65-F5344CB8AC3E}">
        <p14:creationId xmlns:p14="http://schemas.microsoft.com/office/powerpoint/2010/main" val="42584844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2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3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 p14:presetBounceEnd="40000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 p14:bounceEnd="40000">
                                          <p:cBhvr additive="base">
                                            <p:cTn id="17" dur="500" fill="hold"/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 p14:bounceEnd="40000">
                                          <p:cBhvr additive="base">
                                            <p:cTn id="18" dur="500" fill="hold"/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2" grpId="0"/>
          <p:bldP spid="8" grpId="0" animBg="1"/>
        </p:bldLst>
      </p:timing>
    </mc:Choice>
    <mc:Fallback xmlns="">
      <p:timing>
        <p:tnLst>
          <p:par>
            <p:cTn id="1" dur="indefinite" restart="never" nodeType="tmRoot">
              <p:childTnLst>
                <p:seq concurrent="1" nextAc="seek">
                  <p:cTn id="2" dur="indefinite" nodeType="mainSeq">
                    <p:childTnLst>
                      <p:par>
                        <p:cTn id="3" fill="hold">
                          <p:stCondLst>
                            <p:cond delay="indefinite"/>
                            <p:cond evt="onBegin" delay="0">
                              <p:tn val="2"/>
                            </p:cond>
                          </p:stCondLst>
                          <p:childTnLst>
                            <p:par>
                              <p:cTn id="4" fill="hold">
                                <p:stCondLst>
                                  <p:cond delay="0"/>
                                </p:stCondLst>
                                <p:childTnLst>
                                  <p:par>
                                    <p:cTn id="5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7" dur="250" fill="hold"/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8" dur="250" fill="hold"/>
                                            <p:tgtEl>
                                              <p:spTgt spid="8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9" fill="hold">
                                <p:stCondLst>
                                  <p:cond delay="250"/>
                                </p:stCondLst>
                                <p:childTnLst>
                                  <p:par>
                                    <p:cTn id="10" presetID="2" presetClass="entr" presetSubtype="8" fill="hold" grpId="0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1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2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w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3" dur="750" fill="hold"/>
                                            <p:tgtEl>
                                              <p:spTgt spid="2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  <p:par>
                              <p:cTn id="14" fill="hold">
                                <p:stCondLst>
                                  <p:cond delay="1000"/>
                                </p:stCondLst>
                                <p:childTnLst>
                                  <p:par>
                                    <p:cTn id="15" presetID="2" presetClass="entr" presetSubtype="1" fill="hold" nodeType="afterEffect">
                                      <p:stCondLst>
                                        <p:cond delay="0"/>
                                      </p:stCondLst>
                                      <p:childTnLst>
                                        <p:set>
                                          <p:cBhvr>
                                            <p:cTn id="16" dur="1" fill="hold">
                                              <p:stCondLst>
                                                <p:cond delay="0"/>
                                              </p:stCondLst>
                                            </p:cTn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style.visibility</p:attrName>
                                            </p:attrNameLst>
                                          </p:cBhvr>
                                          <p:to>
                                            <p:strVal val="visible"/>
                                          </p:to>
                                        </p:set>
                                        <p:anim calcmode="lin" valueType="num">
                                          <p:cBhvr additive="base">
                                            <p:cTn id="17" dur="500" fill="hold"/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ppt_x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x"/>
                                              </p:val>
                                            </p:tav>
                                          </p:tavLst>
                                        </p:anim>
                                        <p:anim calcmode="lin" valueType="num">
                                          <p:cBhvr additive="base">
                                            <p:cTn id="18" dur="500" fill="hold"/>
                                            <p:tgtEl>
                                              <p:spTgt spid="7"/>
                                            </p:tgtEl>
                                            <p:attrNameLst>
                                              <p:attrName>ppt_y</p:attrName>
                                            </p:attrNameLst>
                                          </p:cBhvr>
                                          <p:tavLst>
                                            <p:tav tm="0">
                                              <p:val>
                                                <p:strVal val="0-#ppt_h/2"/>
                                              </p:val>
                                            </p:tav>
                                            <p:tav tm="100000">
                                              <p:val>
                                                <p:strVal val="#ppt_y"/>
                                              </p:val>
                                            </p:tav>
                                          </p:tavLst>
                                        </p:anim>
                                      </p:childTnLst>
                                    </p:cTn>
                                  </p:par>
                                </p:childTnLst>
                              </p:cTn>
                            </p:par>
                          </p:childTnLst>
                        </p:cTn>
                      </p:par>
                    </p:childTnLst>
                  </p:cTn>
                  <p:prevCondLst>
                    <p:cond evt="onPrev" delay="0">
                      <p:tgtEl>
                        <p:sldTgt/>
                      </p:tgtEl>
                    </p:cond>
                  </p:prevCondLst>
                  <p:nextCondLst>
                    <p:cond evt="onNext" delay="0">
                      <p:tgtEl>
                        <p:sldTgt/>
                      </p:tgtEl>
                    </p:cond>
                  </p:nextCondLst>
                </p:seq>
              </p:childTnLst>
            </p:cTn>
          </p:par>
        </p:tnLst>
        <p:bldLst>
          <p:bldP spid="2" grpId="0"/>
          <p:bldP spid="8" grpId="0" animBg="1"/>
        </p:bldLst>
      </p:timing>
    </mc:Fallback>
  </mc:AlternateConten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Dem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EF454E1-4DB7-4510-84B9-57B565EC60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</p:spPr>
        <p:txBody>
          <a:bodyPr/>
          <a:lstStyle>
            <a:lvl1pPr>
              <a:defRPr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s-ES"/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E7D22328-1141-490D-9DEA-3460AB07A4AF}"/>
              </a:ext>
            </a:extLst>
          </p:cNvPr>
          <p:cNvGrpSpPr/>
          <p:nvPr userDrawn="1"/>
        </p:nvGrpSpPr>
        <p:grpSpPr>
          <a:xfrm>
            <a:off x="12231016" y="548197"/>
            <a:ext cx="902846" cy="887002"/>
            <a:chOff x="10901033" y="516564"/>
            <a:chExt cx="804672" cy="804672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BE9F1F4D-8FBF-48D8-A20C-726743EA8B04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6" name="Graphic 5" descr="Laptop with solid fill">
              <a:extLst>
                <a:ext uri="{FF2B5EF4-FFF2-40B4-BE49-F238E27FC236}">
                  <a16:creationId xmlns:a16="http://schemas.microsoft.com/office/drawing/2014/main" id="{53529B05-F44F-4552-9CED-D547AA29736E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"/>
                </a:ext>
              </a:extLst>
            </a:blip>
            <a:stretch>
              <a:fillRect/>
            </a:stretch>
          </p:blipFill>
          <p:spPr>
            <a:xfrm>
              <a:off x="10984532" y="595563"/>
              <a:ext cx="637674" cy="637674"/>
            </a:xfrm>
            <a:prstGeom prst="rect">
              <a:avLst/>
            </a:prstGeom>
          </p:spPr>
        </p:pic>
      </p:grpSp>
      <p:sp>
        <p:nvSpPr>
          <p:cNvPr id="8" name="Rectangle 7">
            <a:extLst>
              <a:ext uri="{FF2B5EF4-FFF2-40B4-BE49-F238E27FC236}">
                <a16:creationId xmlns:a16="http://schemas.microsoft.com/office/drawing/2014/main" id="{0BF3997A-BDB8-4B99-B82F-6F781A602929}"/>
              </a:ext>
            </a:extLst>
          </p:cNvPr>
          <p:cNvSpPr/>
          <p:nvPr userDrawn="1"/>
        </p:nvSpPr>
        <p:spPr>
          <a:xfrm>
            <a:off x="3" y="545977"/>
            <a:ext cx="161994" cy="881962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es-ES" sz="1800"/>
          </a:p>
        </p:txBody>
      </p:sp>
    </p:spTree>
    <p:extLst>
      <p:ext uri="{BB962C8B-B14F-4D97-AF65-F5344CB8AC3E}">
        <p14:creationId xmlns:p14="http://schemas.microsoft.com/office/powerpoint/2010/main" val="53987750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9" Type="http://schemas.openxmlformats.org/officeDocument/2006/relationships/image" Target="../media/image12.png"/><Relationship Id="rId21" Type="http://schemas.openxmlformats.org/officeDocument/2006/relationships/slideLayout" Target="../slideLayouts/slideLayout21.xml"/><Relationship Id="rId34" Type="http://schemas.openxmlformats.org/officeDocument/2006/relationships/image" Target="../media/image7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33" Type="http://schemas.openxmlformats.org/officeDocument/2006/relationships/image" Target="../media/image6.svg"/><Relationship Id="rId38" Type="http://schemas.openxmlformats.org/officeDocument/2006/relationships/image" Target="../media/image11.png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image" Target="../media/image2.sv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32" Type="http://schemas.openxmlformats.org/officeDocument/2006/relationships/image" Target="../media/image5.png"/><Relationship Id="rId37" Type="http://schemas.openxmlformats.org/officeDocument/2006/relationships/image" Target="../media/image10.sv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image" Target="../media/image1.png"/><Relationship Id="rId36" Type="http://schemas.openxmlformats.org/officeDocument/2006/relationships/image" Target="../media/image9.png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image" Target="../media/image4.svg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theme" Target="../theme/theme1.xml"/><Relationship Id="rId30" Type="http://schemas.openxmlformats.org/officeDocument/2006/relationships/image" Target="../media/image3.png"/><Relationship Id="rId35" Type="http://schemas.openxmlformats.org/officeDocument/2006/relationships/image" Target="../media/image8.svg"/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537339D-2881-4338-B7F5-46ACA396272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98478" y="545977"/>
            <a:ext cx="10729848" cy="881962"/>
          </a:xfrm>
          <a:prstGeom prst="rect">
            <a:avLst/>
          </a:prstGeom>
        </p:spPr>
        <p:txBody>
          <a:bodyPr vert="horz" lIns="0" tIns="45720" rIns="0" bIns="45720" rtlCol="0" anchor="ctr">
            <a:noAutofit/>
          </a:bodyPr>
          <a:lstStyle/>
          <a:p>
            <a:r>
              <a:rPr lang="en-US"/>
              <a:t>Click to edit Master title style</a:t>
            </a:r>
            <a:endParaRPr lang="es-ES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CD81565B-EDC4-4426-A6B7-2154A4EA6C8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598478" y="1494100"/>
            <a:ext cx="11798558" cy="479654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s-ES"/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ED05BFA6-84A4-4F06-AD3E-E1BC57E23A5A}"/>
              </a:ext>
            </a:extLst>
          </p:cNvPr>
          <p:cNvSpPr/>
          <p:nvPr userDrawn="1"/>
        </p:nvSpPr>
        <p:spPr>
          <a:xfrm>
            <a:off x="-833698" y="1427939"/>
            <a:ext cx="445483" cy="437665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36E6DA3F-41DA-4BBB-907D-43A4F19D1C30}"/>
              </a:ext>
            </a:extLst>
          </p:cNvPr>
          <p:cNvSpPr/>
          <p:nvPr userDrawn="1"/>
        </p:nvSpPr>
        <p:spPr>
          <a:xfrm>
            <a:off x="-833698" y="1954174"/>
            <a:ext cx="445483" cy="437665"/>
          </a:xfrm>
          <a:prstGeom prst="ellipse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sp>
        <p:nvSpPr>
          <p:cNvPr id="9" name="Oval 8">
            <a:extLst>
              <a:ext uri="{FF2B5EF4-FFF2-40B4-BE49-F238E27FC236}">
                <a16:creationId xmlns:a16="http://schemas.microsoft.com/office/drawing/2014/main" id="{7DC035C2-A510-4185-BE4A-3D923AAA6772}"/>
              </a:ext>
            </a:extLst>
          </p:cNvPr>
          <p:cNvSpPr/>
          <p:nvPr userDrawn="1"/>
        </p:nvSpPr>
        <p:spPr>
          <a:xfrm>
            <a:off x="-833698" y="2480409"/>
            <a:ext cx="445483" cy="437665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sp>
        <p:nvSpPr>
          <p:cNvPr id="10" name="Oval 9">
            <a:extLst>
              <a:ext uri="{FF2B5EF4-FFF2-40B4-BE49-F238E27FC236}">
                <a16:creationId xmlns:a16="http://schemas.microsoft.com/office/drawing/2014/main" id="{66DB8A3B-E535-4304-AAE5-95BFF8A39554}"/>
              </a:ext>
            </a:extLst>
          </p:cNvPr>
          <p:cNvSpPr/>
          <p:nvPr userDrawn="1"/>
        </p:nvSpPr>
        <p:spPr>
          <a:xfrm>
            <a:off x="-833698" y="3006644"/>
            <a:ext cx="445483" cy="437665"/>
          </a:xfrm>
          <a:prstGeom prst="ellipse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sp>
        <p:nvSpPr>
          <p:cNvPr id="11" name="Oval 10">
            <a:extLst>
              <a:ext uri="{FF2B5EF4-FFF2-40B4-BE49-F238E27FC236}">
                <a16:creationId xmlns:a16="http://schemas.microsoft.com/office/drawing/2014/main" id="{0B2E4408-0767-482D-862F-B81AA9CC0384}"/>
              </a:ext>
            </a:extLst>
          </p:cNvPr>
          <p:cNvSpPr/>
          <p:nvPr userDrawn="1"/>
        </p:nvSpPr>
        <p:spPr>
          <a:xfrm>
            <a:off x="-833698" y="3532879"/>
            <a:ext cx="445483" cy="437665"/>
          </a:xfrm>
          <a:prstGeom prst="ellipse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 sz="1800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DB97B79A-E9F1-4848-98D6-CF8D9D13FAE5}"/>
              </a:ext>
            </a:extLst>
          </p:cNvPr>
          <p:cNvSpPr txBox="1"/>
          <p:nvPr userDrawn="1"/>
        </p:nvSpPr>
        <p:spPr>
          <a:xfrm>
            <a:off x="14004951" y="944090"/>
            <a:ext cx="974307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000"/>
              <a:t>TOC / Learning goals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A38420D3-6308-4BCF-A3B3-1962B44D9923}"/>
              </a:ext>
            </a:extLst>
          </p:cNvPr>
          <p:cNvSpPr txBox="1"/>
          <p:nvPr userDrawn="1"/>
        </p:nvSpPr>
        <p:spPr>
          <a:xfrm>
            <a:off x="14004951" y="2562144"/>
            <a:ext cx="974307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000"/>
              <a:t>Concept </a:t>
            </a: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3303F787-7276-4853-8127-252494DA38F0}"/>
              </a:ext>
            </a:extLst>
          </p:cNvPr>
          <p:cNvSpPr txBox="1"/>
          <p:nvPr userDrawn="1"/>
        </p:nvSpPr>
        <p:spPr>
          <a:xfrm>
            <a:off x="13893486" y="3831090"/>
            <a:ext cx="1197238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000"/>
              <a:t>Demonstration 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CF1A3737-17E0-478A-ABFD-7B08BCC67AD9}"/>
              </a:ext>
            </a:extLst>
          </p:cNvPr>
          <p:cNvSpPr txBox="1"/>
          <p:nvPr userDrawn="1"/>
        </p:nvSpPr>
        <p:spPr>
          <a:xfrm>
            <a:off x="14004951" y="5100041"/>
            <a:ext cx="974307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000"/>
              <a:t>Use case 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4B19B469-2297-4ED1-90BA-D80BCD4C6A53}"/>
              </a:ext>
            </a:extLst>
          </p:cNvPr>
          <p:cNvSpPr txBox="1"/>
          <p:nvPr userDrawn="1"/>
        </p:nvSpPr>
        <p:spPr>
          <a:xfrm>
            <a:off x="-1924424" y="5704978"/>
            <a:ext cx="164198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 b="1"/>
              <a:t>Transitions: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Fade 0.25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Morph 0.50 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E12CE32C-F77D-4BFB-8062-E2BBF300B7C9}"/>
              </a:ext>
            </a:extLst>
          </p:cNvPr>
          <p:cNvSpPr txBox="1"/>
          <p:nvPr userDrawn="1"/>
        </p:nvSpPr>
        <p:spPr>
          <a:xfrm>
            <a:off x="-1952217" y="4126271"/>
            <a:ext cx="1669783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1200" b="1"/>
              <a:t>Animations: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Fade /out 0.25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Zoom /out 0.25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Fly in /out 0.50 – Bounce 0.20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Peek /out 0.25</a:t>
            </a:r>
          </a:p>
          <a:p>
            <a:pPr marL="171457" indent="-171457">
              <a:buFont typeface="Arial" panose="020B0604020202020204" pitchFamily="34" charset="0"/>
              <a:buChar char="•"/>
            </a:pPr>
            <a:r>
              <a:rPr lang="es-ES" sz="1200" b="0"/>
              <a:t>Wipe /out 0.25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593E29E9-E44F-4186-B1B8-5B1341C909F9}"/>
              </a:ext>
            </a:extLst>
          </p:cNvPr>
          <p:cNvSpPr txBox="1"/>
          <p:nvPr userDrawn="1"/>
        </p:nvSpPr>
        <p:spPr>
          <a:xfrm>
            <a:off x="14004951" y="6341899"/>
            <a:ext cx="974307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000"/>
              <a:t>Summary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5D2BBBBE-43E1-4048-83F2-FF0E97583F51}"/>
              </a:ext>
            </a:extLst>
          </p:cNvPr>
          <p:cNvSpPr txBox="1"/>
          <p:nvPr userDrawn="1"/>
        </p:nvSpPr>
        <p:spPr>
          <a:xfrm>
            <a:off x="14004951" y="7652730"/>
            <a:ext cx="974307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s-ES" sz="1000"/>
              <a:t>Question</a:t>
            </a:r>
          </a:p>
        </p:txBody>
      </p:sp>
      <p:grpSp>
        <p:nvGrpSpPr>
          <p:cNvPr id="21" name="Group 20">
            <a:extLst>
              <a:ext uri="{FF2B5EF4-FFF2-40B4-BE49-F238E27FC236}">
                <a16:creationId xmlns:a16="http://schemas.microsoft.com/office/drawing/2014/main" id="{1D6DE898-8CB0-4E91-B5A4-63C3873B8139}"/>
              </a:ext>
            </a:extLst>
          </p:cNvPr>
          <p:cNvGrpSpPr/>
          <p:nvPr userDrawn="1"/>
        </p:nvGrpSpPr>
        <p:grpSpPr>
          <a:xfrm>
            <a:off x="14040682" y="6727706"/>
            <a:ext cx="902846" cy="887002"/>
            <a:chOff x="10901033" y="516564"/>
            <a:chExt cx="804672" cy="804672"/>
          </a:xfrm>
        </p:grpSpPr>
        <p:sp>
          <p:nvSpPr>
            <p:cNvPr id="22" name="Oval 21">
              <a:extLst>
                <a:ext uri="{FF2B5EF4-FFF2-40B4-BE49-F238E27FC236}">
                  <a16:creationId xmlns:a16="http://schemas.microsoft.com/office/drawing/2014/main" id="{A80C74D7-987A-4873-A3C3-D946F27F995F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23" name="Graphic 22" descr="Question Mark with solid fill">
              <a:extLst>
                <a:ext uri="{FF2B5EF4-FFF2-40B4-BE49-F238E27FC236}">
                  <a16:creationId xmlns:a16="http://schemas.microsoft.com/office/drawing/2014/main" id="{A776F404-3713-444D-9474-6DC53C022B30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8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29"/>
                </a:ext>
              </a:extLst>
            </a:blip>
            <a:stretch>
              <a:fillRect/>
            </a:stretch>
          </p:blipFill>
          <p:spPr>
            <a:xfrm>
              <a:off x="11017470" y="633001"/>
              <a:ext cx="571799" cy="571799"/>
            </a:xfrm>
            <a:prstGeom prst="rect">
              <a:avLst/>
            </a:prstGeom>
          </p:spPr>
        </p:pic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1BA597F3-4648-4198-91BB-8C59536266BA}"/>
              </a:ext>
            </a:extLst>
          </p:cNvPr>
          <p:cNvGrpSpPr/>
          <p:nvPr userDrawn="1"/>
        </p:nvGrpSpPr>
        <p:grpSpPr>
          <a:xfrm>
            <a:off x="14040682" y="5469909"/>
            <a:ext cx="902846" cy="887002"/>
            <a:chOff x="10901033" y="516564"/>
            <a:chExt cx="804672" cy="804672"/>
          </a:xfrm>
        </p:grpSpPr>
        <p:sp>
          <p:nvSpPr>
            <p:cNvPr id="25" name="Oval 24">
              <a:extLst>
                <a:ext uri="{FF2B5EF4-FFF2-40B4-BE49-F238E27FC236}">
                  <a16:creationId xmlns:a16="http://schemas.microsoft.com/office/drawing/2014/main" id="{F62AEC0B-B003-420C-838E-204724373CC6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26" name="Graphic 25" descr="Clipboard Checked with solid fill">
              <a:extLst>
                <a:ext uri="{FF2B5EF4-FFF2-40B4-BE49-F238E27FC236}">
                  <a16:creationId xmlns:a16="http://schemas.microsoft.com/office/drawing/2014/main" id="{EFA6570C-BEDB-4345-9339-35CBDD424A4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30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1"/>
                </a:ext>
              </a:extLst>
            </a:blip>
            <a:stretch>
              <a:fillRect/>
            </a:stretch>
          </p:blipFill>
          <p:spPr>
            <a:xfrm>
              <a:off x="10979083" y="594614"/>
              <a:ext cx="648573" cy="648573"/>
            </a:xfrm>
            <a:prstGeom prst="rect">
              <a:avLst/>
            </a:prstGeom>
          </p:spPr>
        </p:pic>
      </p:grpSp>
      <p:grpSp>
        <p:nvGrpSpPr>
          <p:cNvPr id="27" name="Group 26">
            <a:extLst>
              <a:ext uri="{FF2B5EF4-FFF2-40B4-BE49-F238E27FC236}">
                <a16:creationId xmlns:a16="http://schemas.microsoft.com/office/drawing/2014/main" id="{A12584DF-DF18-4684-AD0D-14F32E3A12E4}"/>
              </a:ext>
            </a:extLst>
          </p:cNvPr>
          <p:cNvGrpSpPr/>
          <p:nvPr userDrawn="1"/>
        </p:nvGrpSpPr>
        <p:grpSpPr>
          <a:xfrm>
            <a:off x="14040682" y="2928383"/>
            <a:ext cx="902846" cy="887002"/>
            <a:chOff x="10901033" y="516564"/>
            <a:chExt cx="804672" cy="804672"/>
          </a:xfrm>
        </p:grpSpPr>
        <p:sp>
          <p:nvSpPr>
            <p:cNvPr id="28" name="Oval 27">
              <a:extLst>
                <a:ext uri="{FF2B5EF4-FFF2-40B4-BE49-F238E27FC236}">
                  <a16:creationId xmlns:a16="http://schemas.microsoft.com/office/drawing/2014/main" id="{FDF7CCCB-2334-4143-8A9E-A1BAE909D802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29" name="Graphic 28" descr="Laptop with solid fill">
              <a:extLst>
                <a:ext uri="{FF2B5EF4-FFF2-40B4-BE49-F238E27FC236}">
                  <a16:creationId xmlns:a16="http://schemas.microsoft.com/office/drawing/2014/main" id="{F1FE4BFF-2977-43C5-90A8-7DB1AA6D43FF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32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3"/>
                </a:ext>
              </a:extLst>
            </a:blip>
            <a:stretch>
              <a:fillRect/>
            </a:stretch>
          </p:blipFill>
          <p:spPr>
            <a:xfrm>
              <a:off x="10984532" y="595563"/>
              <a:ext cx="637674" cy="637674"/>
            </a:xfrm>
            <a:prstGeom prst="rect">
              <a:avLst/>
            </a:prstGeom>
          </p:spPr>
        </p:pic>
      </p:grpSp>
      <p:grpSp>
        <p:nvGrpSpPr>
          <p:cNvPr id="30" name="Group 29">
            <a:extLst>
              <a:ext uri="{FF2B5EF4-FFF2-40B4-BE49-F238E27FC236}">
                <a16:creationId xmlns:a16="http://schemas.microsoft.com/office/drawing/2014/main" id="{F4F1C219-6D4F-4CA7-AFCE-81F28D74907A}"/>
              </a:ext>
            </a:extLst>
          </p:cNvPr>
          <p:cNvGrpSpPr/>
          <p:nvPr userDrawn="1"/>
        </p:nvGrpSpPr>
        <p:grpSpPr>
          <a:xfrm>
            <a:off x="14040682" y="4248081"/>
            <a:ext cx="902846" cy="887002"/>
            <a:chOff x="10901033" y="516564"/>
            <a:chExt cx="804672" cy="804672"/>
          </a:xfrm>
        </p:grpSpPr>
        <p:sp>
          <p:nvSpPr>
            <p:cNvPr id="31" name="Oval 30">
              <a:extLst>
                <a:ext uri="{FF2B5EF4-FFF2-40B4-BE49-F238E27FC236}">
                  <a16:creationId xmlns:a16="http://schemas.microsoft.com/office/drawing/2014/main" id="{4E1FEE0B-0719-4D0D-BAD8-AE815F9666D5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grpSp>
          <p:nvGrpSpPr>
            <p:cNvPr id="32" name="Group 31">
              <a:extLst>
                <a:ext uri="{FF2B5EF4-FFF2-40B4-BE49-F238E27FC236}">
                  <a16:creationId xmlns:a16="http://schemas.microsoft.com/office/drawing/2014/main" id="{224FF251-5A1C-4FC8-A1F5-A3D9EB0A2C3D}"/>
                </a:ext>
              </a:extLst>
            </p:cNvPr>
            <p:cNvGrpSpPr/>
            <p:nvPr userDrawn="1"/>
          </p:nvGrpSpPr>
          <p:grpSpPr>
            <a:xfrm>
              <a:off x="10992291" y="581245"/>
              <a:ext cx="666309" cy="666309"/>
              <a:chOff x="13003652" y="1939091"/>
              <a:chExt cx="914400" cy="914400"/>
            </a:xfrm>
          </p:grpSpPr>
          <p:pic>
            <p:nvPicPr>
              <p:cNvPr id="33" name="Graphic 32" descr="Magnifying glass with solid fill">
                <a:extLst>
                  <a:ext uri="{FF2B5EF4-FFF2-40B4-BE49-F238E27FC236}">
                    <a16:creationId xmlns:a16="http://schemas.microsoft.com/office/drawing/2014/main" id="{8068123A-7547-4F5E-83F0-15FC4F297D6A}"/>
                  </a:ext>
                </a:extLst>
              </p:cNvPr>
              <p:cNvPicPr>
                <a:picLocks noChangeAspect="1"/>
              </p:cNvPicPr>
              <p:nvPr userDrawn="1"/>
            </p:nvPicPr>
            <p:blipFill>
              <a:blip r:embed="rId34" cstate="hqprint">
                <a:extLst>
                  <a:ext uri="{28A0092B-C50C-407E-A947-70E740481C1C}">
                    <a14:useLocalDpi xmlns:a14="http://schemas.microsoft.com/office/drawing/2010/main" val="0"/>
                  </a:ext>
                  <a:ext uri="{96DAC541-7B7A-43D3-8B79-37D633B846F1}">
                    <asvg:svgBlip xmlns:asvg="http://schemas.microsoft.com/office/drawing/2016/SVG/main" r:embed="rId35"/>
                  </a:ext>
                </a:extLst>
              </a:blip>
              <a:stretch>
                <a:fillRect/>
              </a:stretch>
            </p:blipFill>
            <p:spPr>
              <a:xfrm>
                <a:off x="13003652" y="1939091"/>
                <a:ext cx="914400" cy="914400"/>
              </a:xfrm>
              <a:prstGeom prst="rect">
                <a:avLst/>
              </a:prstGeom>
            </p:spPr>
          </p:pic>
          <p:sp>
            <p:nvSpPr>
              <p:cNvPr id="34" name="Graphic 32" descr="Heartbeat outline">
                <a:extLst>
                  <a:ext uri="{FF2B5EF4-FFF2-40B4-BE49-F238E27FC236}">
                    <a16:creationId xmlns:a16="http://schemas.microsoft.com/office/drawing/2014/main" id="{53EAD60C-BCC3-451B-8F49-C37677D1F9FC}"/>
                  </a:ext>
                </a:extLst>
              </p:cNvPr>
              <p:cNvSpPr/>
              <p:nvPr/>
            </p:nvSpPr>
            <p:spPr>
              <a:xfrm>
                <a:off x="13111937" y="2140094"/>
                <a:ext cx="507811" cy="292293"/>
              </a:xfrm>
              <a:custGeom>
                <a:avLst/>
                <a:gdLst>
                  <a:gd name="connsiteX0" fmla="*/ 542495 w 1231929"/>
                  <a:gd name="connsiteY0" fmla="*/ 496638 h 496637"/>
                  <a:gd name="connsiteX1" fmla="*/ 541217 w 1231929"/>
                  <a:gd name="connsiteY1" fmla="*/ 496638 h 496637"/>
                  <a:gd name="connsiteX2" fmla="*/ 527358 w 1231929"/>
                  <a:gd name="connsiteY2" fmla="*/ 488477 h 496637"/>
                  <a:gd name="connsiteX3" fmla="*/ 394402 w 1231929"/>
                  <a:gd name="connsiteY3" fmla="*/ 49592 h 496637"/>
                  <a:gd name="connsiteX4" fmla="*/ 394110 w 1231929"/>
                  <a:gd name="connsiteY4" fmla="*/ 49592 h 496637"/>
                  <a:gd name="connsiteX5" fmla="*/ 289688 w 1231929"/>
                  <a:gd name="connsiteY5" fmla="*/ 251631 h 496637"/>
                  <a:gd name="connsiteX6" fmla="*/ 275105 w 1231929"/>
                  <a:gd name="connsiteY6" fmla="*/ 258527 h 496637"/>
                  <a:gd name="connsiteX7" fmla="*/ 0 w 1231929"/>
                  <a:gd name="connsiteY7" fmla="*/ 258527 h 496637"/>
                  <a:gd name="connsiteX8" fmla="*/ 0 w 1231929"/>
                  <a:gd name="connsiteY8" fmla="*/ 238124 h 496637"/>
                  <a:gd name="connsiteX9" fmla="*/ 264095 w 1231929"/>
                  <a:gd name="connsiteY9" fmla="*/ 238124 h 496637"/>
                  <a:gd name="connsiteX10" fmla="*/ 383592 w 1231929"/>
                  <a:gd name="connsiteY10" fmla="*/ 6909 h 496637"/>
                  <a:gd name="connsiteX11" fmla="*/ 403140 w 1231929"/>
                  <a:gd name="connsiteY11" fmla="*/ 550 h 496637"/>
                  <a:gd name="connsiteX12" fmla="*/ 413266 w 1231929"/>
                  <a:gd name="connsiteY12" fmla="*/ 8205 h 496637"/>
                  <a:gd name="connsiteX13" fmla="*/ 546992 w 1231929"/>
                  <a:gd name="connsiteY13" fmla="*/ 449477 h 496637"/>
                  <a:gd name="connsiteX14" fmla="*/ 547285 w 1231929"/>
                  <a:gd name="connsiteY14" fmla="*/ 449477 h 496637"/>
                  <a:gd name="connsiteX15" fmla="*/ 741822 w 1231929"/>
                  <a:gd name="connsiteY15" fmla="*/ 111688 h 496637"/>
                  <a:gd name="connsiteX16" fmla="*/ 756867 w 1231929"/>
                  <a:gd name="connsiteY16" fmla="*/ 105139 h 496637"/>
                  <a:gd name="connsiteX17" fmla="*/ 771018 w 1231929"/>
                  <a:gd name="connsiteY17" fmla="*/ 112524 h 496637"/>
                  <a:gd name="connsiteX18" fmla="*/ 867555 w 1231929"/>
                  <a:gd name="connsiteY18" fmla="*/ 336211 h 496637"/>
                  <a:gd name="connsiteX19" fmla="*/ 867817 w 1231929"/>
                  <a:gd name="connsiteY19" fmla="*/ 336211 h 496637"/>
                  <a:gd name="connsiteX20" fmla="*/ 1002190 w 1231929"/>
                  <a:gd name="connsiteY20" fmla="*/ 241338 h 496637"/>
                  <a:gd name="connsiteX21" fmla="*/ 1013431 w 1231929"/>
                  <a:gd name="connsiteY21" fmla="*/ 238114 h 496637"/>
                  <a:gd name="connsiteX22" fmla="*/ 1231929 w 1231929"/>
                  <a:gd name="connsiteY22" fmla="*/ 238114 h 496637"/>
                  <a:gd name="connsiteX23" fmla="*/ 1231929 w 1231929"/>
                  <a:gd name="connsiteY23" fmla="*/ 258517 h 496637"/>
                  <a:gd name="connsiteX24" fmla="*/ 1020084 w 1231929"/>
                  <a:gd name="connsiteY24" fmla="*/ 258517 h 496637"/>
                  <a:gd name="connsiteX25" fmla="*/ 871590 w 1231929"/>
                  <a:gd name="connsiteY25" fmla="*/ 363448 h 496637"/>
                  <a:gd name="connsiteX26" fmla="*/ 849825 w 1231929"/>
                  <a:gd name="connsiteY26" fmla="*/ 363930 h 496637"/>
                  <a:gd name="connsiteX27" fmla="*/ 845535 w 1231929"/>
                  <a:gd name="connsiteY27" fmla="*/ 359276 h 496637"/>
                  <a:gd name="connsiteX28" fmla="*/ 754249 w 1231929"/>
                  <a:gd name="connsiteY28" fmla="*/ 147882 h 496637"/>
                  <a:gd name="connsiteX29" fmla="*/ 753956 w 1231929"/>
                  <a:gd name="connsiteY29" fmla="*/ 147882 h 496637"/>
                  <a:gd name="connsiteX30" fmla="*/ 556878 w 1231929"/>
                  <a:gd name="connsiteY30" fmla="*/ 490078 h 496637"/>
                  <a:gd name="connsiteX31" fmla="*/ 542495 w 1231929"/>
                  <a:gd name="connsiteY31" fmla="*/ 496638 h 49663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  <a:cxn ang="0">
                    <a:pos x="connsiteX13" y="connsiteY13"/>
                  </a:cxn>
                  <a:cxn ang="0">
                    <a:pos x="connsiteX14" y="connsiteY14"/>
                  </a:cxn>
                  <a:cxn ang="0">
                    <a:pos x="connsiteX15" y="connsiteY15"/>
                  </a:cxn>
                  <a:cxn ang="0">
                    <a:pos x="connsiteX16" y="connsiteY16"/>
                  </a:cxn>
                  <a:cxn ang="0">
                    <a:pos x="connsiteX17" y="connsiteY17"/>
                  </a:cxn>
                  <a:cxn ang="0">
                    <a:pos x="connsiteX18" y="connsiteY18"/>
                  </a:cxn>
                  <a:cxn ang="0">
                    <a:pos x="connsiteX19" y="connsiteY19"/>
                  </a:cxn>
                  <a:cxn ang="0">
                    <a:pos x="connsiteX20" y="connsiteY20"/>
                  </a:cxn>
                  <a:cxn ang="0">
                    <a:pos x="connsiteX21" y="connsiteY21"/>
                  </a:cxn>
                  <a:cxn ang="0">
                    <a:pos x="connsiteX22" y="connsiteY22"/>
                  </a:cxn>
                  <a:cxn ang="0">
                    <a:pos x="connsiteX23" y="connsiteY23"/>
                  </a:cxn>
                  <a:cxn ang="0">
                    <a:pos x="connsiteX24" y="connsiteY24"/>
                  </a:cxn>
                  <a:cxn ang="0">
                    <a:pos x="connsiteX25" y="connsiteY25"/>
                  </a:cxn>
                  <a:cxn ang="0">
                    <a:pos x="connsiteX26" y="connsiteY26"/>
                  </a:cxn>
                  <a:cxn ang="0">
                    <a:pos x="connsiteX27" y="connsiteY27"/>
                  </a:cxn>
                  <a:cxn ang="0">
                    <a:pos x="connsiteX28" y="connsiteY28"/>
                  </a:cxn>
                  <a:cxn ang="0">
                    <a:pos x="connsiteX29" y="connsiteY29"/>
                  </a:cxn>
                  <a:cxn ang="0">
                    <a:pos x="connsiteX30" y="connsiteY30"/>
                  </a:cxn>
                  <a:cxn ang="0">
                    <a:pos x="connsiteX31" y="connsiteY31"/>
                  </a:cxn>
                </a:cxnLst>
                <a:rect l="l" t="t" r="r" b="b"/>
                <a:pathLst>
                  <a:path w="1231929" h="496637">
                    <a:moveTo>
                      <a:pt x="542495" y="496638"/>
                    </a:moveTo>
                    <a:cubicBezTo>
                      <a:pt x="542064" y="496638"/>
                      <a:pt x="541648" y="496638"/>
                      <a:pt x="541217" y="496638"/>
                    </a:cubicBezTo>
                    <a:cubicBezTo>
                      <a:pt x="534366" y="496272"/>
                      <a:pt x="528710" y="492942"/>
                      <a:pt x="527358" y="488477"/>
                    </a:cubicBezTo>
                    <a:lnTo>
                      <a:pt x="394402" y="49592"/>
                    </a:lnTo>
                    <a:cubicBezTo>
                      <a:pt x="394402" y="49388"/>
                      <a:pt x="394202" y="49378"/>
                      <a:pt x="394110" y="49592"/>
                    </a:cubicBezTo>
                    <a:lnTo>
                      <a:pt x="289688" y="251631"/>
                    </a:lnTo>
                    <a:cubicBezTo>
                      <a:pt x="287554" y="255759"/>
                      <a:pt x="281693" y="258531"/>
                      <a:pt x="275105" y="258527"/>
                    </a:cubicBezTo>
                    <a:lnTo>
                      <a:pt x="0" y="258527"/>
                    </a:lnTo>
                    <a:lnTo>
                      <a:pt x="0" y="238124"/>
                    </a:lnTo>
                    <a:lnTo>
                      <a:pt x="264095" y="238124"/>
                    </a:lnTo>
                    <a:lnTo>
                      <a:pt x="383592" y="6909"/>
                    </a:lnTo>
                    <a:cubicBezTo>
                      <a:pt x="386339" y="1577"/>
                      <a:pt x="395090" y="-1270"/>
                      <a:pt x="403140" y="550"/>
                    </a:cubicBezTo>
                    <a:cubicBezTo>
                      <a:pt x="408332" y="1724"/>
                      <a:pt x="412191" y="4640"/>
                      <a:pt x="413266" y="8205"/>
                    </a:cubicBezTo>
                    <a:lnTo>
                      <a:pt x="546992" y="449477"/>
                    </a:lnTo>
                    <a:cubicBezTo>
                      <a:pt x="546992" y="449660"/>
                      <a:pt x="547177" y="449671"/>
                      <a:pt x="547285" y="449477"/>
                    </a:cubicBezTo>
                    <a:lnTo>
                      <a:pt x="741822" y="111688"/>
                    </a:lnTo>
                    <a:cubicBezTo>
                      <a:pt x="744090" y="107537"/>
                      <a:pt x="750214" y="104870"/>
                      <a:pt x="756867" y="105139"/>
                    </a:cubicBezTo>
                    <a:cubicBezTo>
                      <a:pt x="763493" y="105325"/>
                      <a:pt x="769194" y="108301"/>
                      <a:pt x="771018" y="112524"/>
                    </a:cubicBezTo>
                    <a:lnTo>
                      <a:pt x="867555" y="336211"/>
                    </a:lnTo>
                    <a:cubicBezTo>
                      <a:pt x="867555" y="336302"/>
                      <a:pt x="867709" y="336323"/>
                      <a:pt x="867817" y="336211"/>
                    </a:cubicBezTo>
                    <a:lnTo>
                      <a:pt x="1002190" y="241338"/>
                    </a:lnTo>
                    <a:cubicBezTo>
                      <a:pt x="1005103" y="239280"/>
                      <a:pt x="1009172" y="238113"/>
                      <a:pt x="1013431" y="238114"/>
                    </a:cubicBezTo>
                    <a:lnTo>
                      <a:pt x="1231929" y="238114"/>
                    </a:lnTo>
                    <a:lnTo>
                      <a:pt x="1231929" y="258517"/>
                    </a:lnTo>
                    <a:lnTo>
                      <a:pt x="1020084" y="258517"/>
                    </a:lnTo>
                    <a:lnTo>
                      <a:pt x="871590" y="363448"/>
                    </a:lnTo>
                    <a:cubicBezTo>
                      <a:pt x="865780" y="367563"/>
                      <a:pt x="856035" y="367779"/>
                      <a:pt x="849825" y="363930"/>
                    </a:cubicBezTo>
                    <a:cubicBezTo>
                      <a:pt x="847783" y="362665"/>
                      <a:pt x="846300" y="361056"/>
                      <a:pt x="845535" y="359276"/>
                    </a:cubicBezTo>
                    <a:lnTo>
                      <a:pt x="754249" y="147882"/>
                    </a:lnTo>
                    <a:cubicBezTo>
                      <a:pt x="754249" y="147719"/>
                      <a:pt x="754048" y="147709"/>
                      <a:pt x="753956" y="147882"/>
                    </a:cubicBezTo>
                    <a:lnTo>
                      <a:pt x="556878" y="490078"/>
                    </a:lnTo>
                    <a:cubicBezTo>
                      <a:pt x="554599" y="494028"/>
                      <a:pt x="548878" y="496638"/>
                      <a:pt x="542495" y="496638"/>
                    </a:cubicBezTo>
                    <a:close/>
                  </a:path>
                </a:pathLst>
              </a:custGeom>
              <a:solidFill>
                <a:schemeClr val="bg1"/>
              </a:solidFill>
              <a:ln w="15381" cap="flat">
                <a:solidFill>
                  <a:schemeClr val="bg1"/>
                </a:solidFill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</p:grp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B760A695-F256-4D68-A736-52A91BA07F1A}"/>
              </a:ext>
            </a:extLst>
          </p:cNvPr>
          <p:cNvGrpSpPr/>
          <p:nvPr userDrawn="1"/>
        </p:nvGrpSpPr>
        <p:grpSpPr>
          <a:xfrm>
            <a:off x="14040682" y="0"/>
            <a:ext cx="902846" cy="887002"/>
            <a:chOff x="10901033" y="516564"/>
            <a:chExt cx="804672" cy="804672"/>
          </a:xfrm>
        </p:grpSpPr>
        <p:sp>
          <p:nvSpPr>
            <p:cNvPr id="36" name="Oval 35">
              <a:extLst>
                <a:ext uri="{FF2B5EF4-FFF2-40B4-BE49-F238E27FC236}">
                  <a16:creationId xmlns:a16="http://schemas.microsoft.com/office/drawing/2014/main" id="{E7019F22-1271-4E26-B1D2-00E9BCFDC62D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pic>
          <p:nvPicPr>
            <p:cNvPr id="37" name="Graphic 36" descr="Bullseye with solid fill">
              <a:extLst>
                <a:ext uri="{FF2B5EF4-FFF2-40B4-BE49-F238E27FC236}">
                  <a16:creationId xmlns:a16="http://schemas.microsoft.com/office/drawing/2014/main" id="{BC090698-0C9A-4518-8392-959575C83D1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36" cstate="hqprint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37"/>
                </a:ext>
              </a:extLst>
            </a:blip>
            <a:stretch>
              <a:fillRect/>
            </a:stretch>
          </p:blipFill>
          <p:spPr>
            <a:xfrm>
              <a:off x="10994582" y="605613"/>
              <a:ext cx="617573" cy="617573"/>
            </a:xfrm>
            <a:prstGeom prst="rect">
              <a:avLst/>
            </a:prstGeom>
          </p:spPr>
        </p:pic>
      </p:grpSp>
      <p:grpSp>
        <p:nvGrpSpPr>
          <p:cNvPr id="38" name="Group 37">
            <a:extLst>
              <a:ext uri="{FF2B5EF4-FFF2-40B4-BE49-F238E27FC236}">
                <a16:creationId xmlns:a16="http://schemas.microsoft.com/office/drawing/2014/main" id="{9F3438EE-E5AB-43EC-9B09-C74C4B9708F3}"/>
              </a:ext>
            </a:extLst>
          </p:cNvPr>
          <p:cNvGrpSpPr/>
          <p:nvPr userDrawn="1"/>
        </p:nvGrpSpPr>
        <p:grpSpPr>
          <a:xfrm>
            <a:off x="14040682" y="1659435"/>
            <a:ext cx="902846" cy="887002"/>
            <a:chOff x="10901033" y="516564"/>
            <a:chExt cx="804672" cy="804672"/>
          </a:xfrm>
        </p:grpSpPr>
        <p:sp>
          <p:nvSpPr>
            <p:cNvPr id="39" name="Oval 38">
              <a:extLst>
                <a:ext uri="{FF2B5EF4-FFF2-40B4-BE49-F238E27FC236}">
                  <a16:creationId xmlns:a16="http://schemas.microsoft.com/office/drawing/2014/main" id="{F8F52024-676B-49F6-B09A-485313365837}"/>
                </a:ext>
              </a:extLst>
            </p:cNvPr>
            <p:cNvSpPr/>
            <p:nvPr userDrawn="1"/>
          </p:nvSpPr>
          <p:spPr>
            <a:xfrm>
              <a:off x="10901033" y="516564"/>
              <a:ext cx="804672" cy="804672"/>
            </a:xfrm>
            <a:prstGeom prst="ellipse">
              <a:avLst/>
            </a:prstGeom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1800"/>
            </a:p>
          </p:txBody>
        </p:sp>
        <p:grpSp>
          <p:nvGrpSpPr>
            <p:cNvPr id="40" name="Group 39">
              <a:extLst>
                <a:ext uri="{FF2B5EF4-FFF2-40B4-BE49-F238E27FC236}">
                  <a16:creationId xmlns:a16="http://schemas.microsoft.com/office/drawing/2014/main" id="{32594001-FCF0-4BD8-9A44-779DE021D956}"/>
                </a:ext>
              </a:extLst>
            </p:cNvPr>
            <p:cNvGrpSpPr>
              <a:grpSpLocks noChangeAspect="1"/>
            </p:cNvGrpSpPr>
            <p:nvPr userDrawn="1"/>
          </p:nvGrpSpPr>
          <p:grpSpPr>
            <a:xfrm>
              <a:off x="11097629" y="625062"/>
              <a:ext cx="411480" cy="587677"/>
              <a:chOff x="7502176" y="2510940"/>
              <a:chExt cx="463328" cy="661726"/>
            </a:xfrm>
            <a:solidFill>
              <a:schemeClr val="bg1"/>
            </a:solidFill>
          </p:grpSpPr>
          <p:sp>
            <p:nvSpPr>
              <p:cNvPr id="41" name="Freeform: Shape 40">
                <a:extLst>
                  <a:ext uri="{FF2B5EF4-FFF2-40B4-BE49-F238E27FC236}">
                    <a16:creationId xmlns:a16="http://schemas.microsoft.com/office/drawing/2014/main" id="{44FE4F16-59AA-4997-9198-726FC13A4FCB}"/>
                  </a:ext>
                </a:extLst>
              </p:cNvPr>
              <p:cNvSpPr/>
              <p:nvPr/>
            </p:nvSpPr>
            <p:spPr>
              <a:xfrm>
                <a:off x="7629126" y="3028663"/>
                <a:ext cx="209891" cy="53468"/>
              </a:xfrm>
              <a:custGeom>
                <a:avLst/>
                <a:gdLst>
                  <a:gd name="connsiteX0" fmla="*/ 184685 w 209891"/>
                  <a:gd name="connsiteY0" fmla="*/ 0 h 53468"/>
                  <a:gd name="connsiteX1" fmla="*/ 25207 w 209891"/>
                  <a:gd name="connsiteY1" fmla="*/ 0 h 53468"/>
                  <a:gd name="connsiteX2" fmla="*/ 47 w 209891"/>
                  <a:gd name="connsiteY2" fmla="*/ 28308 h 53468"/>
                  <a:gd name="connsiteX3" fmla="*/ 25207 w 209891"/>
                  <a:gd name="connsiteY3" fmla="*/ 53468 h 53468"/>
                  <a:gd name="connsiteX4" fmla="*/ 184685 w 209891"/>
                  <a:gd name="connsiteY4" fmla="*/ 53468 h 53468"/>
                  <a:gd name="connsiteX5" fmla="*/ 209844 w 209891"/>
                  <a:gd name="connsiteY5" fmla="*/ 25160 h 53468"/>
                  <a:gd name="connsiteX6" fmla="*/ 184685 w 209891"/>
                  <a:gd name="connsiteY6" fmla="*/ 0 h 5346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</a:cxnLst>
                <a:rect l="l" t="t" r="r" b="b"/>
                <a:pathLst>
                  <a:path w="209891" h="53468">
                    <a:moveTo>
                      <a:pt x="184685" y="0"/>
                    </a:moveTo>
                    <a:lnTo>
                      <a:pt x="25207" y="0"/>
                    </a:lnTo>
                    <a:cubicBezTo>
                      <a:pt x="10442" y="870"/>
                      <a:pt x="-822" y="13544"/>
                      <a:pt x="47" y="28308"/>
                    </a:cubicBezTo>
                    <a:cubicBezTo>
                      <a:pt x="846" y="41860"/>
                      <a:pt x="11656" y="52670"/>
                      <a:pt x="25207" y="53468"/>
                    </a:cubicBezTo>
                    <a:lnTo>
                      <a:pt x="184685" y="53468"/>
                    </a:lnTo>
                    <a:cubicBezTo>
                      <a:pt x="199449" y="52598"/>
                      <a:pt x="210713" y="39924"/>
                      <a:pt x="209844" y="25160"/>
                    </a:cubicBezTo>
                    <a:cubicBezTo>
                      <a:pt x="209045" y="11608"/>
                      <a:pt x="198235" y="798"/>
                      <a:pt x="184685" y="0"/>
                    </a:cubicBezTo>
                    <a:close/>
                  </a:path>
                </a:pathLst>
              </a:custGeom>
              <a:grpFill/>
              <a:ln w="9227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  <p:sp>
            <p:nvSpPr>
              <p:cNvPr id="42" name="Freeform: Shape 41">
                <a:extLst>
                  <a:ext uri="{FF2B5EF4-FFF2-40B4-BE49-F238E27FC236}">
                    <a16:creationId xmlns:a16="http://schemas.microsoft.com/office/drawing/2014/main" id="{7E149D13-9287-4352-93FA-36502DF37A41}"/>
                  </a:ext>
                </a:extLst>
              </p:cNvPr>
              <p:cNvSpPr/>
              <p:nvPr/>
            </p:nvSpPr>
            <p:spPr>
              <a:xfrm>
                <a:off x="7676202" y="3119198"/>
                <a:ext cx="115739" cy="53468"/>
              </a:xfrm>
              <a:custGeom>
                <a:avLst/>
                <a:gdLst>
                  <a:gd name="connsiteX0" fmla="*/ 57916 w 115739"/>
                  <a:gd name="connsiteY0" fmla="*/ 53468 h 53468"/>
                  <a:gd name="connsiteX1" fmla="*/ 115740 w 115739"/>
                  <a:gd name="connsiteY1" fmla="*/ 0 h 53468"/>
                  <a:gd name="connsiteX2" fmla="*/ 0 w 115739"/>
                  <a:gd name="connsiteY2" fmla="*/ 0 h 53468"/>
                  <a:gd name="connsiteX3" fmla="*/ 57916 w 115739"/>
                  <a:gd name="connsiteY3" fmla="*/ 53468 h 53468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15739" h="53468">
                    <a:moveTo>
                      <a:pt x="57916" y="53468"/>
                    </a:moveTo>
                    <a:cubicBezTo>
                      <a:pt x="88172" y="53420"/>
                      <a:pt x="113327" y="30160"/>
                      <a:pt x="115740" y="0"/>
                    </a:cubicBezTo>
                    <a:lnTo>
                      <a:pt x="0" y="0"/>
                    </a:lnTo>
                    <a:cubicBezTo>
                      <a:pt x="2458" y="30175"/>
                      <a:pt x="27642" y="53424"/>
                      <a:pt x="57916" y="53468"/>
                    </a:cubicBezTo>
                    <a:close/>
                  </a:path>
                </a:pathLst>
              </a:custGeom>
              <a:grpFill/>
              <a:ln w="9227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  <p:sp>
            <p:nvSpPr>
              <p:cNvPr id="43" name="Freeform: Shape 42">
                <a:extLst>
                  <a:ext uri="{FF2B5EF4-FFF2-40B4-BE49-F238E27FC236}">
                    <a16:creationId xmlns:a16="http://schemas.microsoft.com/office/drawing/2014/main" id="{59EE3296-1D82-485E-AD19-9316349FB956}"/>
                  </a:ext>
                </a:extLst>
              </p:cNvPr>
              <p:cNvSpPr/>
              <p:nvPr/>
            </p:nvSpPr>
            <p:spPr>
              <a:xfrm>
                <a:off x="7502176" y="2510940"/>
                <a:ext cx="463328" cy="480657"/>
              </a:xfrm>
              <a:custGeom>
                <a:avLst/>
                <a:gdLst>
                  <a:gd name="connsiteX0" fmla="*/ 463329 w 463328"/>
                  <a:gd name="connsiteY0" fmla="*/ 236761 h 480657"/>
                  <a:gd name="connsiteX1" fmla="*/ 463329 w 463328"/>
                  <a:gd name="connsiteY1" fmla="*/ 228792 h 480657"/>
                  <a:gd name="connsiteX2" fmla="*/ 231664 w 463328"/>
                  <a:gd name="connsiteY2" fmla="*/ 0 h 480657"/>
                  <a:gd name="connsiteX3" fmla="*/ 231664 w 463328"/>
                  <a:gd name="connsiteY3" fmla="*/ 0 h 480657"/>
                  <a:gd name="connsiteX4" fmla="*/ 0 w 463328"/>
                  <a:gd name="connsiteY4" fmla="*/ 228792 h 480657"/>
                  <a:gd name="connsiteX5" fmla="*/ 0 w 463328"/>
                  <a:gd name="connsiteY5" fmla="*/ 236761 h 480657"/>
                  <a:gd name="connsiteX6" fmla="*/ 16124 w 463328"/>
                  <a:gd name="connsiteY6" fmla="*/ 316917 h 480657"/>
                  <a:gd name="connsiteX7" fmla="*/ 56341 w 463328"/>
                  <a:gd name="connsiteY7" fmla="*/ 382802 h 480657"/>
                  <a:gd name="connsiteX8" fmla="*/ 110550 w 463328"/>
                  <a:gd name="connsiteY8" fmla="*/ 470835 h 480657"/>
                  <a:gd name="connsiteX9" fmla="*/ 126489 w 463328"/>
                  <a:gd name="connsiteY9" fmla="*/ 480657 h 480657"/>
                  <a:gd name="connsiteX10" fmla="*/ 336840 w 463328"/>
                  <a:gd name="connsiteY10" fmla="*/ 480657 h 480657"/>
                  <a:gd name="connsiteX11" fmla="*/ 352778 w 463328"/>
                  <a:gd name="connsiteY11" fmla="*/ 470835 h 480657"/>
                  <a:gd name="connsiteX12" fmla="*/ 406988 w 463328"/>
                  <a:gd name="connsiteY12" fmla="*/ 382802 h 480657"/>
                  <a:gd name="connsiteX13" fmla="*/ 447205 w 463328"/>
                  <a:gd name="connsiteY13" fmla="*/ 316917 h 480657"/>
                  <a:gd name="connsiteX14" fmla="*/ 463329 w 463328"/>
                  <a:gd name="connsiteY14" fmla="*/ 236761 h 480657"/>
                  <a:gd name="connsiteX15" fmla="*/ 409953 w 463328"/>
                  <a:gd name="connsiteY15" fmla="*/ 235927 h 480657"/>
                  <a:gd name="connsiteX16" fmla="*/ 397629 w 463328"/>
                  <a:gd name="connsiteY16" fmla="*/ 298198 h 480657"/>
                  <a:gd name="connsiteX17" fmla="*/ 367605 w 463328"/>
                  <a:gd name="connsiteY17" fmla="*/ 347126 h 480657"/>
                  <a:gd name="connsiteX18" fmla="*/ 315063 w 463328"/>
                  <a:gd name="connsiteY18" fmla="*/ 427004 h 480657"/>
                  <a:gd name="connsiteX19" fmla="*/ 148265 w 463328"/>
                  <a:gd name="connsiteY19" fmla="*/ 427004 h 480657"/>
                  <a:gd name="connsiteX20" fmla="*/ 96187 w 463328"/>
                  <a:gd name="connsiteY20" fmla="*/ 346848 h 480657"/>
                  <a:gd name="connsiteX21" fmla="*/ 66163 w 463328"/>
                  <a:gd name="connsiteY21" fmla="*/ 297920 h 480657"/>
                  <a:gd name="connsiteX22" fmla="*/ 53375 w 463328"/>
                  <a:gd name="connsiteY22" fmla="*/ 235649 h 480657"/>
                  <a:gd name="connsiteX23" fmla="*/ 53375 w 463328"/>
                  <a:gd name="connsiteY23" fmla="*/ 228977 h 480657"/>
                  <a:gd name="connsiteX24" fmla="*/ 231386 w 463328"/>
                  <a:gd name="connsiteY24" fmla="*/ 52912 h 480657"/>
                  <a:gd name="connsiteX25" fmla="*/ 231386 w 463328"/>
                  <a:gd name="connsiteY25" fmla="*/ 52912 h 480657"/>
                  <a:gd name="connsiteX26" fmla="*/ 409397 w 463328"/>
                  <a:gd name="connsiteY26" fmla="*/ 228977 h 48065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  <a:cxn ang="0">
                    <a:pos x="connsiteX13" y="connsiteY13"/>
                  </a:cxn>
                  <a:cxn ang="0">
                    <a:pos x="connsiteX14" y="connsiteY14"/>
                  </a:cxn>
                  <a:cxn ang="0">
                    <a:pos x="connsiteX15" y="connsiteY15"/>
                  </a:cxn>
                  <a:cxn ang="0">
                    <a:pos x="connsiteX16" y="connsiteY16"/>
                  </a:cxn>
                  <a:cxn ang="0">
                    <a:pos x="connsiteX17" y="connsiteY17"/>
                  </a:cxn>
                  <a:cxn ang="0">
                    <a:pos x="connsiteX18" y="connsiteY18"/>
                  </a:cxn>
                  <a:cxn ang="0">
                    <a:pos x="connsiteX19" y="connsiteY19"/>
                  </a:cxn>
                  <a:cxn ang="0">
                    <a:pos x="connsiteX20" y="connsiteY20"/>
                  </a:cxn>
                  <a:cxn ang="0">
                    <a:pos x="connsiteX21" y="connsiteY21"/>
                  </a:cxn>
                  <a:cxn ang="0">
                    <a:pos x="connsiteX22" y="connsiteY22"/>
                  </a:cxn>
                  <a:cxn ang="0">
                    <a:pos x="connsiteX23" y="connsiteY23"/>
                  </a:cxn>
                  <a:cxn ang="0">
                    <a:pos x="connsiteX24" y="connsiteY24"/>
                  </a:cxn>
                  <a:cxn ang="0">
                    <a:pos x="connsiteX25" y="connsiteY25"/>
                  </a:cxn>
                  <a:cxn ang="0">
                    <a:pos x="connsiteX26" y="connsiteY26"/>
                  </a:cxn>
                </a:cxnLst>
                <a:rect l="l" t="t" r="r" b="b"/>
                <a:pathLst>
                  <a:path w="463328" h="480657">
                    <a:moveTo>
                      <a:pt x="463329" y="236761"/>
                    </a:moveTo>
                    <a:lnTo>
                      <a:pt x="463329" y="228792"/>
                    </a:lnTo>
                    <a:cubicBezTo>
                      <a:pt x="460968" y="102307"/>
                      <a:pt x="358169" y="782"/>
                      <a:pt x="231664" y="0"/>
                    </a:cubicBezTo>
                    <a:lnTo>
                      <a:pt x="231664" y="0"/>
                    </a:lnTo>
                    <a:cubicBezTo>
                      <a:pt x="105160" y="782"/>
                      <a:pt x="2361" y="102307"/>
                      <a:pt x="0" y="228792"/>
                    </a:cubicBezTo>
                    <a:lnTo>
                      <a:pt x="0" y="236761"/>
                    </a:lnTo>
                    <a:cubicBezTo>
                      <a:pt x="847" y="264194"/>
                      <a:pt x="6298" y="291290"/>
                      <a:pt x="16124" y="316917"/>
                    </a:cubicBezTo>
                    <a:cubicBezTo>
                      <a:pt x="25503" y="341096"/>
                      <a:pt x="39122" y="363408"/>
                      <a:pt x="56341" y="382802"/>
                    </a:cubicBezTo>
                    <a:cubicBezTo>
                      <a:pt x="77561" y="405876"/>
                      <a:pt x="100728" y="450819"/>
                      <a:pt x="110550" y="470835"/>
                    </a:cubicBezTo>
                    <a:cubicBezTo>
                      <a:pt x="113554" y="476881"/>
                      <a:pt x="119737" y="480691"/>
                      <a:pt x="126489" y="480657"/>
                    </a:cubicBezTo>
                    <a:lnTo>
                      <a:pt x="336840" y="480657"/>
                    </a:lnTo>
                    <a:cubicBezTo>
                      <a:pt x="343592" y="480691"/>
                      <a:pt x="349774" y="476881"/>
                      <a:pt x="352778" y="470835"/>
                    </a:cubicBezTo>
                    <a:cubicBezTo>
                      <a:pt x="362601" y="450819"/>
                      <a:pt x="385767" y="405969"/>
                      <a:pt x="406988" y="382802"/>
                    </a:cubicBezTo>
                    <a:cubicBezTo>
                      <a:pt x="424207" y="363408"/>
                      <a:pt x="437826" y="341096"/>
                      <a:pt x="447205" y="316917"/>
                    </a:cubicBezTo>
                    <a:cubicBezTo>
                      <a:pt x="457031" y="291290"/>
                      <a:pt x="462482" y="264194"/>
                      <a:pt x="463329" y="236761"/>
                    </a:cubicBezTo>
                    <a:close/>
                    <a:moveTo>
                      <a:pt x="409953" y="235927"/>
                    </a:moveTo>
                    <a:cubicBezTo>
                      <a:pt x="409294" y="257221"/>
                      <a:pt x="405131" y="278259"/>
                      <a:pt x="397629" y="298198"/>
                    </a:cubicBezTo>
                    <a:cubicBezTo>
                      <a:pt x="390593" y="316154"/>
                      <a:pt x="380427" y="332720"/>
                      <a:pt x="367605" y="347126"/>
                    </a:cubicBezTo>
                    <a:cubicBezTo>
                      <a:pt x="347036" y="371612"/>
                      <a:pt x="329402" y="398420"/>
                      <a:pt x="315063" y="427004"/>
                    </a:cubicBezTo>
                    <a:lnTo>
                      <a:pt x="148265" y="427004"/>
                    </a:lnTo>
                    <a:cubicBezTo>
                      <a:pt x="134091" y="398346"/>
                      <a:pt x="116612" y="371444"/>
                      <a:pt x="96187" y="346848"/>
                    </a:cubicBezTo>
                    <a:cubicBezTo>
                      <a:pt x="83365" y="332442"/>
                      <a:pt x="73199" y="315876"/>
                      <a:pt x="66163" y="297920"/>
                    </a:cubicBezTo>
                    <a:cubicBezTo>
                      <a:pt x="58504" y="278008"/>
                      <a:pt x="54183" y="256969"/>
                      <a:pt x="53375" y="235649"/>
                    </a:cubicBezTo>
                    <a:lnTo>
                      <a:pt x="53375" y="228977"/>
                    </a:lnTo>
                    <a:cubicBezTo>
                      <a:pt x="55035" y="131678"/>
                      <a:pt x="134074" y="53502"/>
                      <a:pt x="231386" y="52912"/>
                    </a:cubicBezTo>
                    <a:lnTo>
                      <a:pt x="231386" y="52912"/>
                    </a:lnTo>
                    <a:cubicBezTo>
                      <a:pt x="328698" y="53502"/>
                      <a:pt x="407738" y="131678"/>
                      <a:pt x="409397" y="228977"/>
                    </a:cubicBezTo>
                    <a:close/>
                  </a:path>
                </a:pathLst>
              </a:custGeom>
              <a:grpFill/>
              <a:ln w="9227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  <p:sp>
            <p:nvSpPr>
              <p:cNvPr id="44" name="Freeform: Shape 43">
                <a:extLst>
                  <a:ext uri="{FF2B5EF4-FFF2-40B4-BE49-F238E27FC236}">
                    <a16:creationId xmlns:a16="http://schemas.microsoft.com/office/drawing/2014/main" id="{828B9781-7A17-41A1-B627-E6743BD90463}"/>
                  </a:ext>
                </a:extLst>
              </p:cNvPr>
              <p:cNvSpPr/>
              <p:nvPr/>
            </p:nvSpPr>
            <p:spPr>
              <a:xfrm rot="780000">
                <a:off x="7661296" y="2566080"/>
                <a:ext cx="146304" cy="365622"/>
              </a:xfrm>
              <a:custGeom>
                <a:avLst/>
                <a:gdLst>
                  <a:gd name="connsiteX0" fmla="*/ 155353 w 279177"/>
                  <a:gd name="connsiteY0" fmla="*/ 285750 h 609600"/>
                  <a:gd name="connsiteX1" fmla="*/ 155353 w 279177"/>
                  <a:gd name="connsiteY1" fmla="*/ 0 h 609600"/>
                  <a:gd name="connsiteX2" fmla="*/ 0 w 279177"/>
                  <a:gd name="connsiteY2" fmla="*/ 380714 h 609600"/>
                  <a:gd name="connsiteX3" fmla="*/ 136303 w 279177"/>
                  <a:gd name="connsiteY3" fmla="*/ 381000 h 609600"/>
                  <a:gd name="connsiteX4" fmla="*/ 136303 w 279177"/>
                  <a:gd name="connsiteY4" fmla="*/ 609600 h 609600"/>
                  <a:gd name="connsiteX5" fmla="*/ 279178 w 279177"/>
                  <a:gd name="connsiteY5" fmla="*/ 285750 h 609600"/>
                  <a:gd name="connsiteX6" fmla="*/ 155353 w 279177"/>
                  <a:gd name="connsiteY6" fmla="*/ 285750 h 609600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</a:cxnLst>
                <a:rect l="l" t="t" r="r" b="b"/>
                <a:pathLst>
                  <a:path w="279177" h="609600">
                    <a:moveTo>
                      <a:pt x="155353" y="285750"/>
                    </a:moveTo>
                    <a:lnTo>
                      <a:pt x="155353" y="0"/>
                    </a:lnTo>
                    <a:lnTo>
                      <a:pt x="0" y="380714"/>
                    </a:lnTo>
                    <a:lnTo>
                      <a:pt x="136303" y="381000"/>
                    </a:lnTo>
                    <a:lnTo>
                      <a:pt x="136303" y="609600"/>
                    </a:lnTo>
                    <a:lnTo>
                      <a:pt x="279178" y="285750"/>
                    </a:lnTo>
                    <a:lnTo>
                      <a:pt x="155353" y="285750"/>
                    </a:lnTo>
                    <a:close/>
                  </a:path>
                </a:pathLst>
              </a:custGeom>
              <a:grpFill/>
              <a:ln w="9525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s-ES" sz="1800"/>
              </a:p>
            </p:txBody>
          </p:sp>
        </p:grpSp>
      </p:grpSp>
      <p:sp>
        <p:nvSpPr>
          <p:cNvPr id="45" name="TextBox 44">
            <a:extLst>
              <a:ext uri="{FF2B5EF4-FFF2-40B4-BE49-F238E27FC236}">
                <a16:creationId xmlns:a16="http://schemas.microsoft.com/office/drawing/2014/main" id="{0FD23FF8-9BC3-4B67-98AD-6314CF64421A}"/>
              </a:ext>
            </a:extLst>
          </p:cNvPr>
          <p:cNvSpPr txBox="1"/>
          <p:nvPr userDrawn="1"/>
        </p:nvSpPr>
        <p:spPr>
          <a:xfrm>
            <a:off x="-3354216" y="6527560"/>
            <a:ext cx="307178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2400"/>
              <a:t>Body text: 24 px</a:t>
            </a:r>
          </a:p>
        </p:txBody>
      </p:sp>
      <p:pic>
        <p:nvPicPr>
          <p:cNvPr id="46" name="Picture 45" descr="Icon&#10;&#10;Description automatically generated with medium confidence">
            <a:extLst>
              <a:ext uri="{FF2B5EF4-FFF2-40B4-BE49-F238E27FC236}">
                <a16:creationId xmlns:a16="http://schemas.microsoft.com/office/drawing/2014/main" id="{8390949A-9D25-40D0-9C35-4AAB0DDF8B45}"/>
              </a:ext>
            </a:extLst>
          </p:cNvPr>
          <p:cNvPicPr>
            <a:picLocks noChangeAspect="1"/>
          </p:cNvPicPr>
          <p:nvPr userDrawn="1"/>
        </p:nvPicPr>
        <p:blipFill>
          <a:blip r:embed="rId38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-1628087"/>
            <a:ext cx="1502289" cy="1475925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47" name="Picture 46" descr="Icon&#10;&#10;Description automatically generated with medium confidence">
            <a:extLst>
              <a:ext uri="{FF2B5EF4-FFF2-40B4-BE49-F238E27FC236}">
                <a16:creationId xmlns:a16="http://schemas.microsoft.com/office/drawing/2014/main" id="{E4DA83D7-CA1E-482C-A531-8236BFADD806}"/>
              </a:ext>
            </a:extLst>
          </p:cNvPr>
          <p:cNvPicPr>
            <a:picLocks noChangeAspect="1"/>
          </p:cNvPicPr>
          <p:nvPr userDrawn="1"/>
        </p:nvPicPr>
        <p:blipFill>
          <a:blip r:embed="rId39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03828" y="-2260875"/>
            <a:ext cx="2163438" cy="212547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48" name="Picture 47" descr="Icon&#10;&#10;Description automatically generated with medium confidence">
            <a:extLst>
              <a:ext uri="{FF2B5EF4-FFF2-40B4-BE49-F238E27FC236}">
                <a16:creationId xmlns:a16="http://schemas.microsoft.com/office/drawing/2014/main" id="{46A811A0-00C2-4996-957F-736EF813D0A3}"/>
              </a:ext>
            </a:extLst>
          </p:cNvPr>
          <p:cNvPicPr>
            <a:picLocks noChangeAspect="1"/>
          </p:cNvPicPr>
          <p:nvPr userDrawn="1"/>
        </p:nvPicPr>
        <p:blipFill>
          <a:blip r:embed="rId39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01794" y="-3400304"/>
            <a:ext cx="3323221" cy="3264901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  <p:pic>
        <p:nvPicPr>
          <p:cNvPr id="49" name="Picture 48" descr="Icon&#10;&#10;Description automatically generated with medium confidence">
            <a:extLst>
              <a:ext uri="{FF2B5EF4-FFF2-40B4-BE49-F238E27FC236}">
                <a16:creationId xmlns:a16="http://schemas.microsoft.com/office/drawing/2014/main" id="{9494756D-80D2-4B23-A6B3-906178B17C58}"/>
              </a:ext>
            </a:extLst>
          </p:cNvPr>
          <p:cNvPicPr>
            <a:picLocks noChangeAspect="1"/>
          </p:cNvPicPr>
          <p:nvPr userDrawn="1"/>
        </p:nvPicPr>
        <p:blipFill>
          <a:blip r:embed="rId3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15508" y="-4708272"/>
            <a:ext cx="4637495" cy="4556110"/>
          </a:xfrm>
          <a:prstGeom prst="rect">
            <a:avLst/>
          </a:prstGeom>
          <a:ln>
            <a:solidFill>
              <a:schemeClr val="tx1">
                <a:lumMod val="60000"/>
                <a:lumOff val="40000"/>
              </a:schemeClr>
            </a:solidFill>
          </a:ln>
        </p:spPr>
      </p:pic>
    </p:spTree>
    <p:extLst>
      <p:ext uri="{BB962C8B-B14F-4D97-AF65-F5344CB8AC3E}">
        <p14:creationId xmlns:p14="http://schemas.microsoft.com/office/powerpoint/2010/main" val="26789023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97" r:id="rId1"/>
    <p:sldLayoutId id="2147483688" r:id="rId2"/>
    <p:sldLayoutId id="2147483692" r:id="rId3"/>
    <p:sldLayoutId id="2147483685" r:id="rId4"/>
    <p:sldLayoutId id="2147483693" r:id="rId5"/>
    <p:sldLayoutId id="2147483687" r:id="rId6"/>
    <p:sldLayoutId id="2147483694" r:id="rId7"/>
    <p:sldLayoutId id="2147483689" r:id="rId8"/>
    <p:sldLayoutId id="2147483695" r:id="rId9"/>
    <p:sldLayoutId id="2147483690" r:id="rId10"/>
    <p:sldLayoutId id="2147483696" r:id="rId11"/>
    <p:sldLayoutId id="2147483691" r:id="rId12"/>
    <p:sldLayoutId id="2147483686" r:id="rId13"/>
    <p:sldLayoutId id="2147483662" r:id="rId14"/>
    <p:sldLayoutId id="2147483664" r:id="rId15"/>
    <p:sldLayoutId id="2147483682" r:id="rId16"/>
    <p:sldLayoutId id="2147483674" r:id="rId17"/>
    <p:sldLayoutId id="2147483704" r:id="rId18"/>
    <p:sldLayoutId id="2147483706" r:id="rId19"/>
    <p:sldLayoutId id="2147483698" r:id="rId20"/>
    <p:sldLayoutId id="2147483699" r:id="rId21"/>
    <p:sldLayoutId id="2147483700" r:id="rId22"/>
    <p:sldLayoutId id="2147483701" r:id="rId23"/>
    <p:sldLayoutId id="2147483703" r:id="rId24"/>
    <p:sldLayoutId id="2147483702" r:id="rId25"/>
    <p:sldLayoutId id="2147483684" r:id="rId26"/>
  </p:sldLayoutIdLst>
  <p:txStyles>
    <p:titleStyle>
      <a:lvl1pPr algn="l" defTabSz="914435" rtl="0" eaLnBrk="1" latinLnBrk="0" hangingPunct="1">
        <a:lnSpc>
          <a:spcPct val="90000"/>
        </a:lnSpc>
        <a:spcBef>
          <a:spcPct val="0"/>
        </a:spcBef>
        <a:buNone/>
        <a:defRPr sz="2800" kern="1200">
          <a:solidFill>
            <a:schemeClr val="tx1"/>
          </a:solidFill>
          <a:latin typeface="Rubik Medium" pitchFamily="2" charset="-79"/>
          <a:ea typeface="+mj-ea"/>
          <a:cs typeface="Rubik Medium" pitchFamily="2" charset="-79"/>
        </a:defRPr>
      </a:lvl1pPr>
    </p:titleStyle>
    <p:bodyStyle>
      <a:lvl1pPr marL="0" indent="0" algn="l" defTabSz="914435" rtl="0" eaLnBrk="1" latinLnBrk="0" hangingPunct="1">
        <a:lnSpc>
          <a:spcPct val="90000"/>
        </a:lnSpc>
        <a:spcBef>
          <a:spcPts val="1000"/>
        </a:spcBef>
        <a:buClr>
          <a:srgbClr val="008CCF"/>
        </a:buClr>
        <a:buSzPct val="110000"/>
        <a:buFont typeface="Rubik" pitchFamily="2" charset="-79"/>
        <a:buNone/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800131" indent="-342913" algn="l" defTabSz="914435" rtl="0" eaLnBrk="1" latinLnBrk="0" hangingPunct="1">
        <a:lnSpc>
          <a:spcPct val="90000"/>
        </a:lnSpc>
        <a:spcBef>
          <a:spcPts val="500"/>
        </a:spcBef>
        <a:buClr>
          <a:srgbClr val="008CCF"/>
        </a:buClr>
        <a:buSzPct val="110000"/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257349" indent="-342913" algn="l" defTabSz="914435" rtl="0" eaLnBrk="1" latinLnBrk="0" hangingPunct="1">
        <a:lnSpc>
          <a:spcPct val="90000"/>
        </a:lnSpc>
        <a:spcBef>
          <a:spcPts val="500"/>
        </a:spcBef>
        <a:buClr>
          <a:srgbClr val="008CCF"/>
        </a:buClr>
        <a:buSzPct val="110000"/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714566" indent="-342913" algn="l" defTabSz="914435" rtl="0" eaLnBrk="1" latinLnBrk="0" hangingPunct="1">
        <a:lnSpc>
          <a:spcPct val="90000"/>
        </a:lnSpc>
        <a:spcBef>
          <a:spcPts val="500"/>
        </a:spcBef>
        <a:buClr>
          <a:srgbClr val="008CCF"/>
        </a:buClr>
        <a:buSzPct val="110000"/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4pPr>
      <a:lvl5pPr marL="2171783" indent="-342913" algn="l" defTabSz="914435" rtl="0" eaLnBrk="1" latinLnBrk="0" hangingPunct="1">
        <a:lnSpc>
          <a:spcPct val="90000"/>
        </a:lnSpc>
        <a:spcBef>
          <a:spcPts val="500"/>
        </a:spcBef>
        <a:buClr>
          <a:srgbClr val="008CCF"/>
        </a:buClr>
        <a:buSzPct val="110000"/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97" indent="-228609" algn="l" defTabSz="91443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915" indent="-228609" algn="l" defTabSz="91443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132" indent="-228609" algn="l" defTabSz="91443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350" indent="-228609" algn="l" defTabSz="914435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s-ES"/>
      </a:defPPr>
      <a:lvl1pPr marL="0" algn="l" defTabSz="91443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17" algn="l" defTabSz="91443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35" algn="l" defTabSz="91443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53" algn="l" defTabSz="91443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71" algn="l" defTabSz="91443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88" algn="l" defTabSz="91443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306" algn="l" defTabSz="91443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524" algn="l" defTabSz="91443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741" algn="l" defTabSz="914435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540" userDrawn="1">
          <p15:clr>
            <a:srgbClr val="F26B43"/>
          </p15:clr>
        </p15:guide>
        <p15:guide id="2" pos="4309" userDrawn="1">
          <p15:clr>
            <a:srgbClr val="F26B43"/>
          </p15:clr>
        </p15:guide>
        <p15:guide id="3" pos="377" userDrawn="1">
          <p15:clr>
            <a:srgbClr val="F26B43"/>
          </p15:clr>
        </p15:guide>
        <p15:guide id="4" pos="942" userDrawn="1">
          <p15:clr>
            <a:srgbClr val="F26B43"/>
          </p15:clr>
        </p15:guide>
        <p15:guide id="5" pos="1508" userDrawn="1">
          <p15:clr>
            <a:srgbClr val="F26B43"/>
          </p15:clr>
        </p15:guide>
        <p15:guide id="6" pos="7701" userDrawn="1">
          <p15:clr>
            <a:srgbClr val="F26B43"/>
          </p15:clr>
        </p15:guide>
        <p15:guide id="7" pos="8267" userDrawn="1">
          <p15:clr>
            <a:srgbClr val="F26B43"/>
          </p15:clr>
        </p15:guide>
        <p15:guide id="8" orient="horz" pos="344" userDrawn="1">
          <p15:clr>
            <a:srgbClr val="F26B43"/>
          </p15:clr>
        </p15:guide>
        <p15:guide id="9" orient="horz" pos="899" userDrawn="1">
          <p15:clr>
            <a:srgbClr val="F26B43"/>
          </p15:clr>
        </p15:guide>
        <p15:guide id="10" orient="horz" pos="1296" userDrawn="1">
          <p15:clr>
            <a:srgbClr val="F26B43"/>
          </p15:clr>
        </p15:guide>
        <p15:guide id="11" orient="horz" pos="3783" userDrawn="1">
          <p15:clr>
            <a:srgbClr val="F26B43"/>
          </p15:clr>
        </p15:guide>
        <p15:guide id="12" orient="horz" pos="4154" userDrawn="1">
          <p15:clr>
            <a:srgbClr val="F26B43"/>
          </p15:clr>
        </p15:guide>
        <p15:guide id="13" pos="7136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microsoft.com/office/2007/relationships/media" Target="../media/media1.mp3"/><Relationship Id="rId7" Type="http://schemas.openxmlformats.org/officeDocument/2006/relationships/image" Target="../media/image14.png"/><Relationship Id="rId2" Type="http://schemas.openxmlformats.org/officeDocument/2006/relationships/audio" Target="NULL" TargetMode="External"/><Relationship Id="rId1" Type="http://schemas.openxmlformats.org/officeDocument/2006/relationships/tags" Target="../tags/tag2.xml"/><Relationship Id="rId6" Type="http://schemas.openxmlformats.org/officeDocument/2006/relationships/image" Target="../media/image13.png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26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6.xml"/><Relationship Id="rId4" Type="http://schemas.openxmlformats.org/officeDocument/2006/relationships/image" Target="../media/image28.sv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image" Target="../media/image29.png"/><Relationship Id="rId1" Type="http://schemas.openxmlformats.org/officeDocument/2006/relationships/slideLayout" Target="../slideLayouts/slideLayout26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Layout" Target="../slideLayouts/slideLayout26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2.png"/><Relationship Id="rId1" Type="http://schemas.openxmlformats.org/officeDocument/2006/relationships/slideLayout" Target="../slideLayouts/slideLayout26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png"/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26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2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emf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6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6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6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6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26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6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6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6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6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6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6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6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6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6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6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26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6.xml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6.xml"/></Relationships>
</file>

<file path=ppt/slides/_rels/slide3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6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svg"/><Relationship Id="rId2" Type="http://schemas.openxmlformats.org/officeDocument/2006/relationships/image" Target="../media/image37.png"/><Relationship Id="rId1" Type="http://schemas.openxmlformats.org/officeDocument/2006/relationships/slideLayout" Target="../slideLayouts/slideLayout26.xml"/><Relationship Id="rId5" Type="http://schemas.openxmlformats.org/officeDocument/2006/relationships/image" Target="../media/image40.svg"/><Relationship Id="rId4" Type="http://schemas.openxmlformats.org/officeDocument/2006/relationships/image" Target="../media/image39.pn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43.svg"/><Relationship Id="rId2" Type="http://schemas.openxmlformats.org/officeDocument/2006/relationships/slideLayout" Target="../slideLayouts/slideLayout26.xml"/><Relationship Id="rId1" Type="http://schemas.openxmlformats.org/officeDocument/2006/relationships/tags" Target="../tags/tag3.xml"/><Relationship Id="rId6" Type="http://schemas.openxmlformats.org/officeDocument/2006/relationships/image" Target="../media/image37.png"/><Relationship Id="rId5" Type="http://schemas.openxmlformats.org/officeDocument/2006/relationships/image" Target="../media/image42.svg"/><Relationship Id="rId4" Type="http://schemas.openxmlformats.org/officeDocument/2006/relationships/image" Target="../media/image41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6.xml"/><Relationship Id="rId1" Type="http://schemas.openxmlformats.org/officeDocument/2006/relationships/tags" Target="../tags/tag4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6.xml"/><Relationship Id="rId1" Type="http://schemas.openxmlformats.org/officeDocument/2006/relationships/tags" Target="../tags/tag5.xml"/><Relationship Id="rId5" Type="http://schemas.openxmlformats.org/officeDocument/2006/relationships/image" Target="../media/image42.svg"/><Relationship Id="rId4" Type="http://schemas.openxmlformats.org/officeDocument/2006/relationships/image" Target="../media/image41.png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6.xml"/><Relationship Id="rId1" Type="http://schemas.openxmlformats.org/officeDocument/2006/relationships/tags" Target="../tags/tag6.xml"/></Relationships>
</file>

<file path=ppt/slides/_rels/slide3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6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6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6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26.xml"/></Relationships>
</file>

<file path=ppt/slides/_rels/slide4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7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6.xml"/></Relationships>
</file>

<file path=ppt/slides/_rels/slide4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svg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47.png"/><Relationship Id="rId2" Type="http://schemas.openxmlformats.org/officeDocument/2006/relationships/slideLayout" Target="../slideLayouts/slideLayout26.xml"/><Relationship Id="rId1" Type="http://schemas.openxmlformats.org/officeDocument/2006/relationships/tags" Target="../tags/tag7.xml"/><Relationship Id="rId6" Type="http://schemas.openxmlformats.org/officeDocument/2006/relationships/image" Target="../media/image46.png"/><Relationship Id="rId5" Type="http://schemas.openxmlformats.org/officeDocument/2006/relationships/image" Target="../media/image45.png"/><Relationship Id="rId4" Type="http://schemas.openxmlformats.org/officeDocument/2006/relationships/image" Target="../media/image44.png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26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6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6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3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7B284BA5-9F3C-41DA-82E8-999E67028247}"/>
              </a:ext>
            </a:extLst>
          </p:cNvPr>
          <p:cNvSpPr/>
          <p:nvPr/>
        </p:nvSpPr>
        <p:spPr>
          <a:xfrm>
            <a:off x="743744" y="350837"/>
            <a:ext cx="12192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664D5A5-207E-49EA-B58B-22F0BC78660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75254" y="3255546"/>
            <a:ext cx="3328987" cy="10136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Parallelogram 3">
            <a:extLst>
              <a:ext uri="{FF2B5EF4-FFF2-40B4-BE49-F238E27FC236}">
                <a16:creationId xmlns:a16="http://schemas.microsoft.com/office/drawing/2014/main" id="{9F28600F-B7EE-44CE-A2D1-EC97CF567481}"/>
              </a:ext>
            </a:extLst>
          </p:cNvPr>
          <p:cNvSpPr/>
          <p:nvPr/>
        </p:nvSpPr>
        <p:spPr>
          <a:xfrm rot="2151550">
            <a:off x="-693527" y="-3799665"/>
            <a:ext cx="16492713" cy="14842089"/>
          </a:xfrm>
          <a:prstGeom prst="rect">
            <a:avLst/>
          </a:prstGeom>
          <a:gradFill flip="none" rotWithShape="1">
            <a:gsLst>
              <a:gs pos="21000">
                <a:srgbClr val="018BD1"/>
              </a:gs>
              <a:gs pos="84000">
                <a:srgbClr val="1D5179"/>
              </a:gs>
            </a:gsLst>
            <a:path path="circle">
              <a:fillToRect l="100000" t="100000"/>
            </a:path>
            <a:tileRect r="-100000" b="-10000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pic>
        <p:nvPicPr>
          <p:cNvPr id="5" name="Picture 2">
            <a:extLst>
              <a:ext uri="{FF2B5EF4-FFF2-40B4-BE49-F238E27FC236}">
                <a16:creationId xmlns:a16="http://schemas.microsoft.com/office/drawing/2014/main" id="{5A1E72D3-8FEB-4732-9F30-CC30C0B2551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30800" y="808039"/>
            <a:ext cx="1117682" cy="101759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Title 1">
            <a:extLst>
              <a:ext uri="{FF2B5EF4-FFF2-40B4-BE49-F238E27FC236}">
                <a16:creationId xmlns:a16="http://schemas.microsoft.com/office/drawing/2014/main" id="{E59FD998-5BAA-402B-B662-6019006F899F}"/>
              </a:ext>
            </a:extLst>
          </p:cNvPr>
          <p:cNvSpPr txBox="1">
            <a:spLocks/>
          </p:cNvSpPr>
          <p:nvPr/>
        </p:nvSpPr>
        <p:spPr>
          <a:xfrm>
            <a:off x="2295029" y="2660342"/>
            <a:ext cx="10515600" cy="1237929"/>
          </a:xfrm>
          <a:prstGeom prst="rect">
            <a:avLst/>
          </a:prstGeom>
        </p:spPr>
        <p:txBody>
          <a:bodyPr anchor="ctr"/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bg1"/>
                </a:solidFill>
                <a:latin typeface="Rubik Medium" pitchFamily="2" charset="-79"/>
                <a:ea typeface="+mj-ea"/>
                <a:cs typeface="Rubik Medium" pitchFamily="2" charset="-79"/>
              </a:defRPr>
            </a:lvl1pPr>
          </a:lstStyle>
          <a:p>
            <a:r>
              <a:rPr lang="en-US" dirty="0"/>
              <a:t>Aggregate Customization images</a:t>
            </a:r>
          </a:p>
        </p:txBody>
      </p:sp>
      <p:sp>
        <p:nvSpPr>
          <p:cNvPr id="7" name="Text Placeholder 7">
            <a:extLst>
              <a:ext uri="{FF2B5EF4-FFF2-40B4-BE49-F238E27FC236}">
                <a16:creationId xmlns:a16="http://schemas.microsoft.com/office/drawing/2014/main" id="{FA642BA9-DADF-4018-8C17-4492FE469C90}"/>
              </a:ext>
            </a:extLst>
          </p:cNvPr>
          <p:cNvSpPr txBox="1">
            <a:spLocks/>
          </p:cNvSpPr>
          <p:nvPr/>
        </p:nvSpPr>
        <p:spPr>
          <a:xfrm>
            <a:off x="1431136" y="4022250"/>
            <a:ext cx="7966075" cy="682625"/>
          </a:xfrm>
          <a:prstGeom prst="rect">
            <a:avLst/>
          </a:prstGeom>
        </p:spPr>
        <p:txBody>
          <a:bodyPr anchor="ctr">
            <a:normAutofit/>
          </a:bodyPr>
          <a:lstStyle>
            <a:lvl1pPr marL="0" indent="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Clr>
                <a:srgbClr val="008CCF"/>
              </a:buClr>
              <a:buSzPct val="110000"/>
              <a:buFont typeface="Rubik" pitchFamily="2" charset="-79"/>
              <a:buNone/>
              <a:defRPr sz="28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800100" indent="-3429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Clr>
                <a:srgbClr val="008CCF"/>
              </a:buClr>
              <a:buSzPct val="110000"/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257300" indent="-3429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Clr>
                <a:srgbClr val="008CCF"/>
              </a:buClr>
              <a:buSzPct val="110000"/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714500" indent="-3429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Clr>
                <a:srgbClr val="008CCF"/>
              </a:buClr>
              <a:buSzPct val="110000"/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171700" indent="-3429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Clr>
                <a:srgbClr val="008CCF"/>
              </a:buClr>
              <a:buSzPct val="110000"/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en-US" dirty="0"/>
          </a:p>
        </p:txBody>
      </p:sp>
      <p:pic>
        <p:nvPicPr>
          <p:cNvPr id="8" name="A Himitsu - Adventures [Argofox]">
            <a:hlinkClick r:id="" action="ppaction://media"/>
            <a:extLst>
              <a:ext uri="{FF2B5EF4-FFF2-40B4-BE49-F238E27FC236}">
                <a16:creationId xmlns:a16="http://schemas.microsoft.com/office/drawing/2014/main" id="{CCD22A16-5F9F-4BA9-8931-79BCA7F0148E}"/>
              </a:ext>
            </a:extLst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end="211594.35"/>
                  <p14:fade out="2000"/>
                </p14:media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-1230085" y="8920389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7901672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13019"/>
    </mc:Choice>
    <mc:Fallback xmlns="">
      <p:transition spd="slow" advTm="13019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" presetClass="entr" presetSubtype="6" fill="hold" grpId="0" nodeType="withEffect">
                                  <p:stCondLst>
                                    <p:cond delay="275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0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2" presetID="47" presetClass="entr" presetSubtype="0" fill="hold" nodeType="withEffect">
                                  <p:stCondLst>
                                    <p:cond delay="3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2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7" presetID="47" presetClass="entr" presetSubtype="0" fill="hold" grpId="0" nodeType="withEffect">
                                  <p:stCondLst>
                                    <p:cond delay="375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25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2" presetID="47" presetClass="entr" presetSubtype="0" fill="hold" grpId="0" nodeType="withEffect" nodePh="1">
                                  <p:stCondLst>
                                    <p:cond delay="4000"/>
                                  </p:stCondLst>
                                  <p:endCondLst>
                                    <p:cond evt="begin" delay="0">
                                      <p:tn val="22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5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5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7" presetID="2" presetClass="exit" presetSubtype="9" fill="hold" grpId="1" nodeType="withEffect">
                                  <p:stCondLst>
                                    <p:cond delay="1175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28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0-ppt_w/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9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0-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0" presetClass="exit" presetSubtype="0" fill="hold" nodeType="withEffect">
                                  <p:stCondLst>
                                    <p:cond delay="1175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" dur="1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3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</p:childTnLst>
        </p:cTn>
      </p:par>
    </p:tnLst>
    <p:bldLst>
      <p:bldP spid="4" grpId="0" animBg="1"/>
      <p:bldP spid="4" grpId="1" animBg="1"/>
      <p:bldP spid="6" grpId="0"/>
      <p:bldP spid="7" grpId="0">
        <p:tmplLst>
          <p:tmpl>
            <p:tnLst>
              <p:par>
                <p:cTn presetID="47" presetClass="entr" presetSubtype="0" fill="hold" nodeType="withEffect">
                  <p:stCondLst>
                    <p:cond delay="4000"/>
                  </p:stCondLst>
                  <p:childTnLst>
                    <p:set>
                      <p:cBhvr>
                        <p:cTn dur="1" fill="hold">
                          <p:stCondLst>
                            <p:cond delay="0"/>
                          </p:stCondLst>
                        </p:cTn>
                        <p:tgtEl>
                          <p:spTgt spid="7"/>
                        </p:tgtEl>
                        <p:attrNameLst>
                          <p:attrName>style.visibility</p:attrName>
                        </p:attrNameLst>
                      </p:cBhvr>
                      <p:to>
                        <p:strVal val="visible"/>
                      </p:to>
                    </p:set>
                    <p:animEffect transition="in" filter="fade">
                      <p:cBhvr>
                        <p:cTn dur="250"/>
                        <p:tgtEl>
                          <p:spTgt spid="7"/>
                        </p:tgtEl>
                      </p:cBhvr>
                    </p:animEffect>
                    <p:anim calcmode="lin" valueType="num">
                      <p:cBhvr>
                        <p:cTn dur="250" fill="hold"/>
                        <p:tgtEl>
                          <p:spTgt spid="7"/>
                        </p:tgtEl>
                        <p:attrNameLst>
                          <p:attrName>ppt_x</p:attrName>
                        </p:attrNameLst>
                      </p:cBhvr>
                      <p:tavLst>
                        <p:tav tm="0">
                          <p:val>
                            <p:strVal val="#ppt_x"/>
                          </p:val>
                        </p:tav>
                        <p:tav tm="100000">
                          <p:val>
                            <p:strVal val="#ppt_x"/>
                          </p:val>
                        </p:tav>
                      </p:tavLst>
                    </p:anim>
                    <p:anim calcmode="lin" valueType="num">
                      <p:cBhvr>
                        <p:cTn dur="250" fill="hold"/>
                        <p:tgtEl>
                          <p:spTgt spid="7"/>
                        </p:tgtEl>
                        <p:attrNameLst>
                          <p:attrName>ppt_y</p:attrName>
                        </p:attrNameLst>
                      </p:cBhvr>
                      <p:tavLst>
                        <p:tav tm="0">
                          <p:val>
                            <p:strVal val="#ppt_y-.1"/>
                          </p:val>
                        </p:tav>
                        <p:tav tm="100000">
                          <p:val>
                            <p:strVal val="#ppt_y"/>
                          </p:val>
                        </p:tav>
                      </p:tavLst>
                    </p:anim>
                  </p:childTnLst>
                </p:cTn>
              </p:par>
            </p:tnLst>
          </p:tmpl>
        </p:tmplLst>
      </p:bldP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Graphic 4" descr="Database with solid fill">
            <a:extLst>
              <a:ext uri="{FF2B5EF4-FFF2-40B4-BE49-F238E27FC236}">
                <a16:creationId xmlns:a16="http://schemas.microsoft.com/office/drawing/2014/main" id="{5E0515A6-F6C3-EB7D-FC1E-9F22C4F0EDF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6078674" y="1050634"/>
            <a:ext cx="1522142" cy="1522142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CD7AD28D-71D7-A27B-2F2E-9EEF0D909685}"/>
              </a:ext>
            </a:extLst>
          </p:cNvPr>
          <p:cNvSpPr txBox="1"/>
          <p:nvPr/>
        </p:nvSpPr>
        <p:spPr>
          <a:xfrm>
            <a:off x="5340010" y="2572780"/>
            <a:ext cx="2999475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NO" sz="2400" dirty="0"/>
              <a:t>Training databases</a:t>
            </a:r>
          </a:p>
        </p:txBody>
      </p: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AFED3721-A6C7-0EDE-4023-01859B930C8F}"/>
              </a:ext>
            </a:extLst>
          </p:cNvPr>
          <p:cNvCxnSpPr/>
          <p:nvPr/>
        </p:nvCxnSpPr>
        <p:spPr>
          <a:xfrm>
            <a:off x="6839744" y="3006661"/>
            <a:ext cx="0" cy="680936"/>
          </a:xfrm>
          <a:prstGeom prst="line">
            <a:avLst/>
          </a:prstGeom>
          <a:ln w="57150" cap="rnd">
            <a:solidFill>
              <a:schemeClr val="tx2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Connector 8">
            <a:extLst>
              <a:ext uri="{FF2B5EF4-FFF2-40B4-BE49-F238E27FC236}">
                <a16:creationId xmlns:a16="http://schemas.microsoft.com/office/drawing/2014/main" id="{751C959E-7492-07C5-BED9-7470115606C5}"/>
              </a:ext>
            </a:extLst>
          </p:cNvPr>
          <p:cNvCxnSpPr>
            <a:cxnSpLocks/>
          </p:cNvCxnSpPr>
          <p:nvPr/>
        </p:nvCxnSpPr>
        <p:spPr>
          <a:xfrm>
            <a:off x="6839744" y="3687597"/>
            <a:ext cx="2197768" cy="0"/>
          </a:xfrm>
          <a:prstGeom prst="line">
            <a:avLst/>
          </a:prstGeom>
          <a:ln w="57150" cap="rnd">
            <a:solidFill>
              <a:schemeClr val="tx2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350014AF-A156-B85D-6087-BA7EF439828C}"/>
              </a:ext>
            </a:extLst>
          </p:cNvPr>
          <p:cNvCxnSpPr>
            <a:cxnSpLocks/>
          </p:cNvCxnSpPr>
          <p:nvPr/>
        </p:nvCxnSpPr>
        <p:spPr>
          <a:xfrm>
            <a:off x="4593849" y="3687597"/>
            <a:ext cx="2245894" cy="0"/>
          </a:xfrm>
          <a:prstGeom prst="line">
            <a:avLst/>
          </a:prstGeom>
          <a:ln w="57150" cap="rnd">
            <a:solidFill>
              <a:schemeClr val="tx2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Straight Connector 13">
            <a:extLst>
              <a:ext uri="{FF2B5EF4-FFF2-40B4-BE49-F238E27FC236}">
                <a16:creationId xmlns:a16="http://schemas.microsoft.com/office/drawing/2014/main" id="{3DAD2C92-43E0-F451-8001-E37D933750FA}"/>
              </a:ext>
            </a:extLst>
          </p:cNvPr>
          <p:cNvCxnSpPr>
            <a:cxnSpLocks/>
          </p:cNvCxnSpPr>
          <p:nvPr/>
        </p:nvCxnSpPr>
        <p:spPr>
          <a:xfrm>
            <a:off x="4593849" y="3687601"/>
            <a:ext cx="0" cy="481261"/>
          </a:xfrm>
          <a:prstGeom prst="line">
            <a:avLst/>
          </a:prstGeom>
          <a:ln w="57150" cap="rnd">
            <a:solidFill>
              <a:schemeClr val="tx2"/>
            </a:solidFill>
            <a:prstDash val="solid"/>
            <a:headEnd type="none" w="med" len="med"/>
            <a:tailEnd type="arrow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9FE86BED-17D0-643D-E93E-DE60BADE7A6A}"/>
              </a:ext>
            </a:extLst>
          </p:cNvPr>
          <p:cNvCxnSpPr>
            <a:cxnSpLocks/>
          </p:cNvCxnSpPr>
          <p:nvPr/>
        </p:nvCxnSpPr>
        <p:spPr>
          <a:xfrm>
            <a:off x="9045533" y="3695622"/>
            <a:ext cx="0" cy="481261"/>
          </a:xfrm>
          <a:prstGeom prst="line">
            <a:avLst/>
          </a:prstGeom>
          <a:ln w="57150" cap="rnd">
            <a:solidFill>
              <a:schemeClr val="tx2"/>
            </a:solidFill>
            <a:prstDash val="solid"/>
            <a:headEnd type="none" w="med" len="med"/>
            <a:tailEnd type="arrow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7" name="TextBox 16">
            <a:extLst>
              <a:ext uri="{FF2B5EF4-FFF2-40B4-BE49-F238E27FC236}">
                <a16:creationId xmlns:a16="http://schemas.microsoft.com/office/drawing/2014/main" id="{78418CD4-D9F4-9318-310B-1DC976CA4507}"/>
              </a:ext>
            </a:extLst>
          </p:cNvPr>
          <p:cNvSpPr txBox="1"/>
          <p:nvPr/>
        </p:nvSpPr>
        <p:spPr>
          <a:xfrm>
            <a:off x="3599246" y="4212421"/>
            <a:ext cx="2091855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1"/>
                </a:solidFill>
              </a:rPr>
              <a:t>Learner view</a:t>
            </a:r>
            <a:endParaRPr lang="en-NO" sz="2400" dirty="0">
              <a:solidFill>
                <a:schemeClr val="accent1"/>
              </a:solidFill>
            </a:endParaRP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F2F8AF8D-2BA4-83F2-A543-B6A74AD01754}"/>
              </a:ext>
            </a:extLst>
          </p:cNvPr>
          <p:cNvSpPr txBox="1"/>
          <p:nvPr/>
        </p:nvSpPr>
        <p:spPr>
          <a:xfrm>
            <a:off x="8091032" y="4212421"/>
            <a:ext cx="1903085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1"/>
                </a:solidFill>
              </a:rPr>
              <a:t>Admin view</a:t>
            </a:r>
            <a:endParaRPr lang="en-NO" sz="2400" dirty="0">
              <a:solidFill>
                <a:schemeClr val="accent1"/>
              </a:solidFill>
            </a:endParaRP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3121F713-A3F6-6CC2-3ABF-A284746A9024}"/>
              </a:ext>
            </a:extLst>
          </p:cNvPr>
          <p:cNvSpPr txBox="1"/>
          <p:nvPr/>
        </p:nvSpPr>
        <p:spPr>
          <a:xfrm>
            <a:off x="2753727" y="4783408"/>
            <a:ext cx="3324949" cy="83099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NO" sz="2400" dirty="0">
                <a:latin typeface="Rubik Medium" panose="02000604000000020004" pitchFamily="2" charset="-79"/>
                <a:cs typeface="Rubik Medium" panose="02000604000000020004" pitchFamily="2" charset="-79"/>
              </a:rPr>
              <a:t>Example metadata</a:t>
            </a:r>
          </a:p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US" sz="2400" dirty="0">
                <a:latin typeface="Rubik Medium" panose="02000604000000020004" pitchFamily="2" charset="-79"/>
                <a:cs typeface="Rubik Medium" panose="02000604000000020004" pitchFamily="2" charset="-79"/>
              </a:rPr>
              <a:t>I</a:t>
            </a:r>
            <a:r>
              <a:rPr lang="en-NO" sz="2400" dirty="0">
                <a:latin typeface="Rubik Medium" panose="02000604000000020004" pitchFamily="2" charset="-79"/>
                <a:cs typeface="Rubik Medium" panose="02000604000000020004" pitchFamily="2" charset="-79"/>
              </a:rPr>
              <a:t>tems created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3C763F55-8AD6-7CC3-3996-419053BC918B}"/>
              </a:ext>
            </a:extLst>
          </p:cNvPr>
          <p:cNvSpPr txBox="1"/>
          <p:nvPr/>
        </p:nvSpPr>
        <p:spPr>
          <a:xfrm>
            <a:off x="7515295" y="4783408"/>
            <a:ext cx="3651962" cy="1200329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NO" sz="2400" dirty="0">
                <a:latin typeface="Rubik Medium" panose="02000604000000020004" pitchFamily="2" charset="-79"/>
                <a:cs typeface="Rubik Medium" panose="02000604000000020004" pitchFamily="2" charset="-79"/>
              </a:rPr>
              <a:t>Can view and access</a:t>
            </a:r>
            <a:br>
              <a:rPr lang="en-NO" sz="2400" dirty="0">
                <a:latin typeface="Rubik Medium" panose="02000604000000020004" pitchFamily="2" charset="-79"/>
                <a:cs typeface="Rubik Medium" panose="02000604000000020004" pitchFamily="2" charset="-79"/>
              </a:rPr>
            </a:br>
            <a:r>
              <a:rPr lang="en-NO" sz="2400" dirty="0">
                <a:latin typeface="Rubik Medium" panose="02000604000000020004" pitchFamily="2" charset="-79"/>
                <a:cs typeface="Rubik Medium" panose="02000604000000020004" pitchFamily="2" charset="-79"/>
              </a:rPr>
              <a:t>metadata created by</a:t>
            </a:r>
            <a:br>
              <a:rPr lang="en-NO" sz="2400" dirty="0">
                <a:latin typeface="Rubik Medium" panose="02000604000000020004" pitchFamily="2" charset="-79"/>
                <a:cs typeface="Rubik Medium" panose="02000604000000020004" pitchFamily="2" charset="-79"/>
              </a:rPr>
            </a:br>
            <a:r>
              <a:rPr lang="en-NO" sz="2400" dirty="0">
                <a:latin typeface="Rubik Medium" panose="02000604000000020004" pitchFamily="2" charset="-79"/>
                <a:cs typeface="Rubik Medium" panose="02000604000000020004" pitchFamily="2" charset="-79"/>
              </a:rPr>
              <a:t>learners</a:t>
            </a:r>
          </a:p>
        </p:txBody>
      </p:sp>
    </p:spTree>
    <p:extLst>
      <p:ext uri="{BB962C8B-B14F-4D97-AF65-F5344CB8AC3E}">
        <p14:creationId xmlns:p14="http://schemas.microsoft.com/office/powerpoint/2010/main" val="4232085088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A screenshot of a computer&#10;&#10;Description automatically generated">
            <a:extLst>
              <a:ext uri="{FF2B5EF4-FFF2-40B4-BE49-F238E27FC236}">
                <a16:creationId xmlns:a16="http://schemas.microsoft.com/office/drawing/2014/main" id="{3F3148CB-4D8B-9357-65A6-BBB7A222536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68021" y="1846623"/>
            <a:ext cx="4216400" cy="1181100"/>
          </a:xfrm>
          <a:prstGeom prst="rect">
            <a:avLst/>
          </a:prstGeom>
        </p:spPr>
      </p:pic>
      <p:pic>
        <p:nvPicPr>
          <p:cNvPr id="5" name="Picture 4" descr="A black text on a white background&#10;&#10;Description automatically generated">
            <a:extLst>
              <a:ext uri="{FF2B5EF4-FFF2-40B4-BE49-F238E27FC236}">
                <a16:creationId xmlns:a16="http://schemas.microsoft.com/office/drawing/2014/main" id="{BF2E3ACC-4335-F937-0B9E-27CD4C25D8C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64820" y="3528409"/>
            <a:ext cx="4622800" cy="7112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20316462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A screenshot of a computer&#10;&#10;Description automatically generated">
            <a:extLst>
              <a:ext uri="{FF2B5EF4-FFF2-40B4-BE49-F238E27FC236}">
                <a16:creationId xmlns:a16="http://schemas.microsoft.com/office/drawing/2014/main" id="{D7BAE7F4-2D0A-46B7-765A-FCAA45D6005F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13320" y="2159385"/>
            <a:ext cx="7772400" cy="291874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30713054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A screenshot of a login screen&#10;&#10;Description automatically generated">
            <a:extLst>
              <a:ext uri="{FF2B5EF4-FFF2-40B4-BE49-F238E27FC236}">
                <a16:creationId xmlns:a16="http://schemas.microsoft.com/office/drawing/2014/main" id="{CFEB9118-D3FE-6AE4-955C-2FFFDCE8FD3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271602" y="2132118"/>
            <a:ext cx="7772400" cy="282397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3858125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A screenshot of a computer&#10;&#10;Description automatically generated">
            <a:extLst>
              <a:ext uri="{FF2B5EF4-FFF2-40B4-BE49-F238E27FC236}">
                <a16:creationId xmlns:a16="http://schemas.microsoft.com/office/drawing/2014/main" id="{40060239-59CB-3AF1-BB38-45827EA7505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37112" y="1790358"/>
            <a:ext cx="4051300" cy="2451100"/>
          </a:xfrm>
          <a:prstGeom prst="rect">
            <a:avLst/>
          </a:prstGeom>
        </p:spPr>
      </p:pic>
      <p:pic>
        <p:nvPicPr>
          <p:cNvPr id="5" name="Picture 4" descr="A screenshot of a computer&#10;&#10;Description automatically generated">
            <a:extLst>
              <a:ext uri="{FF2B5EF4-FFF2-40B4-BE49-F238E27FC236}">
                <a16:creationId xmlns:a16="http://schemas.microsoft.com/office/drawing/2014/main" id="{13A6F33D-E0E6-EBFF-1568-1FF05F70F06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39744" y="1739558"/>
            <a:ext cx="4368800" cy="25019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83364141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A screenshot of a computer&#10;&#10;Description automatically generated">
            <a:extLst>
              <a:ext uri="{FF2B5EF4-FFF2-40B4-BE49-F238E27FC236}">
                <a16:creationId xmlns:a16="http://schemas.microsoft.com/office/drawing/2014/main" id="{D840B114-6264-F3ED-3823-991F7415114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75695" y="2293938"/>
            <a:ext cx="7772400" cy="258711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47639719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6">
            <a:extLst>
              <a:ext uri="{FF2B5EF4-FFF2-40B4-BE49-F238E27FC236}">
                <a16:creationId xmlns:a16="http://schemas.microsoft.com/office/drawing/2014/main" id="{D1F98418-FDAA-6587-F2D0-37B64EBB7F0C}"/>
              </a:ext>
            </a:extLst>
          </p:cNvPr>
          <p:cNvSpPr/>
          <p:nvPr/>
        </p:nvSpPr>
        <p:spPr>
          <a:xfrm>
            <a:off x="3436937" y="1862035"/>
            <a:ext cx="7785126" cy="653143"/>
          </a:xfrm>
          <a:prstGeom prst="round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sz="2400" dirty="0" err="1">
                <a:solidFill>
                  <a:schemeClr val="tx1"/>
                </a:solidFill>
              </a:rPr>
              <a:t>Type</a:t>
            </a:r>
            <a:r>
              <a:rPr lang="es-ES" sz="2400" dirty="0">
                <a:solidFill>
                  <a:schemeClr val="tx1"/>
                </a:solidFill>
              </a:rPr>
              <a:t> </a:t>
            </a:r>
            <a:r>
              <a:rPr lang="es-ES" sz="2400" dirty="0" err="1">
                <a:solidFill>
                  <a:schemeClr val="tx1"/>
                </a:solidFill>
              </a:rPr>
              <a:t>of</a:t>
            </a:r>
            <a:r>
              <a:rPr lang="es-ES" sz="2400" dirty="0">
                <a:solidFill>
                  <a:schemeClr val="tx1"/>
                </a:solidFill>
              </a:rPr>
              <a:t> </a:t>
            </a:r>
            <a:r>
              <a:rPr lang="es-ES" sz="2400" dirty="0" err="1">
                <a:solidFill>
                  <a:schemeClr val="tx1"/>
                </a:solidFill>
              </a:rPr>
              <a:t>facility</a:t>
            </a:r>
            <a:endParaRPr lang="es-ES" sz="2400" dirty="0">
              <a:solidFill>
                <a:schemeClr val="tx1"/>
              </a:solidFill>
            </a:endParaRPr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F1396D72-E5EE-1F54-ED0F-AF24190EDB12}"/>
              </a:ext>
            </a:extLst>
          </p:cNvPr>
          <p:cNvGrpSpPr/>
          <p:nvPr/>
        </p:nvGrpSpPr>
        <p:grpSpPr>
          <a:xfrm>
            <a:off x="9637904" y="3020448"/>
            <a:ext cx="1689080" cy="970074"/>
            <a:chOff x="9770740" y="2701933"/>
            <a:chExt cx="1689080" cy="970074"/>
          </a:xfrm>
        </p:grpSpPr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1A5E49BF-EBBB-F69D-DFAC-A952B5E4D650}"/>
                </a:ext>
              </a:extLst>
            </p:cNvPr>
            <p:cNvGrpSpPr/>
            <p:nvPr/>
          </p:nvGrpSpPr>
          <p:grpSpPr>
            <a:xfrm>
              <a:off x="10111630" y="3343476"/>
              <a:ext cx="1033128" cy="328531"/>
              <a:chOff x="8476794" y="3349104"/>
              <a:chExt cx="1033128" cy="328531"/>
            </a:xfrm>
          </p:grpSpPr>
          <p:cxnSp>
            <p:nvCxnSpPr>
              <p:cNvPr id="6" name="Straight Connector 5">
                <a:extLst>
                  <a:ext uri="{FF2B5EF4-FFF2-40B4-BE49-F238E27FC236}">
                    <a16:creationId xmlns:a16="http://schemas.microsoft.com/office/drawing/2014/main" id="{774DE8B2-13A3-64EE-6B24-7F54008B5C52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8987331" y="3349104"/>
                <a:ext cx="2348" cy="144160"/>
              </a:xfrm>
              <a:prstGeom prst="line">
                <a:avLst/>
              </a:prstGeom>
              <a:ln w="25400">
                <a:solidFill>
                  <a:schemeClr val="tx2"/>
                </a:solidFill>
                <a:prstDash val="solid"/>
                <a:tailEnd type="non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7" name="Straight Connector 6">
                <a:extLst>
                  <a:ext uri="{FF2B5EF4-FFF2-40B4-BE49-F238E27FC236}">
                    <a16:creationId xmlns:a16="http://schemas.microsoft.com/office/drawing/2014/main" id="{9CA0888C-9DFD-D335-5770-4A799C5129F1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8476794" y="3505141"/>
                <a:ext cx="1033128" cy="3173"/>
              </a:xfrm>
              <a:prstGeom prst="line">
                <a:avLst/>
              </a:prstGeom>
              <a:ln w="25400">
                <a:solidFill>
                  <a:schemeClr val="tx2"/>
                </a:solidFill>
                <a:prstDash val="solid"/>
                <a:tailEnd type="non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8" name="Straight Connector 7">
                <a:extLst>
                  <a:ext uri="{FF2B5EF4-FFF2-40B4-BE49-F238E27FC236}">
                    <a16:creationId xmlns:a16="http://schemas.microsoft.com/office/drawing/2014/main" id="{449BC022-3F34-CAAF-91E1-F8FDE24A90F4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499805" y="3505141"/>
                <a:ext cx="0" cy="172494"/>
              </a:xfrm>
              <a:prstGeom prst="line">
                <a:avLst/>
              </a:prstGeom>
              <a:ln w="25400" cmpd="sng">
                <a:solidFill>
                  <a:schemeClr val="tx2"/>
                </a:solidFill>
                <a:prstDash val="solid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9" name="Straight Connector 8">
                <a:extLst>
                  <a:ext uri="{FF2B5EF4-FFF2-40B4-BE49-F238E27FC236}">
                    <a16:creationId xmlns:a16="http://schemas.microsoft.com/office/drawing/2014/main" id="{A413A318-8444-8546-CEE7-D5ED066C4414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8478605" y="3493264"/>
                <a:ext cx="6754" cy="169107"/>
              </a:xfrm>
              <a:prstGeom prst="line">
                <a:avLst/>
              </a:prstGeom>
              <a:ln w="25400" cmpd="sng">
                <a:solidFill>
                  <a:schemeClr val="tx2"/>
                </a:solidFill>
                <a:prstDash val="solid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5" name="Rectangle: Rounded Corners 16">
              <a:extLst>
                <a:ext uri="{FF2B5EF4-FFF2-40B4-BE49-F238E27FC236}">
                  <a16:creationId xmlns:a16="http://schemas.microsoft.com/office/drawing/2014/main" id="{6A73B22E-8C04-E42C-D714-4599AEABF3E7}"/>
                </a:ext>
              </a:extLst>
            </p:cNvPr>
            <p:cNvSpPr/>
            <p:nvPr/>
          </p:nvSpPr>
          <p:spPr>
            <a:xfrm>
              <a:off x="9770740" y="2701933"/>
              <a:ext cx="1689080" cy="653143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s-ES" sz="2000" dirty="0" err="1">
                  <a:solidFill>
                    <a:schemeClr val="tx1"/>
                  </a:solidFill>
                </a:rPr>
                <a:t>Referral</a:t>
              </a:r>
              <a:r>
                <a:rPr lang="es-ES" sz="2000" dirty="0">
                  <a:solidFill>
                    <a:schemeClr val="tx1"/>
                  </a:solidFill>
                </a:rPr>
                <a:t> Hospital</a:t>
              </a:r>
            </a:p>
          </p:txBody>
        </p:sp>
      </p:grpSp>
      <p:grpSp>
        <p:nvGrpSpPr>
          <p:cNvPr id="10" name="Group 9">
            <a:extLst>
              <a:ext uri="{FF2B5EF4-FFF2-40B4-BE49-F238E27FC236}">
                <a16:creationId xmlns:a16="http://schemas.microsoft.com/office/drawing/2014/main" id="{8F47C8A2-2AFD-FFC3-8BE2-A85092F0228B}"/>
              </a:ext>
            </a:extLst>
          </p:cNvPr>
          <p:cNvGrpSpPr/>
          <p:nvPr/>
        </p:nvGrpSpPr>
        <p:grpSpPr>
          <a:xfrm>
            <a:off x="7659036" y="2991636"/>
            <a:ext cx="1689080" cy="998886"/>
            <a:chOff x="7823646" y="2657936"/>
            <a:chExt cx="1689080" cy="998886"/>
          </a:xfrm>
        </p:grpSpPr>
        <p:sp>
          <p:nvSpPr>
            <p:cNvPr id="11" name="Rectangle: Rounded Corners 16">
              <a:extLst>
                <a:ext uri="{FF2B5EF4-FFF2-40B4-BE49-F238E27FC236}">
                  <a16:creationId xmlns:a16="http://schemas.microsoft.com/office/drawing/2014/main" id="{F7928F52-3A3E-7921-9B92-75E44A85DFFA}"/>
                </a:ext>
              </a:extLst>
            </p:cNvPr>
            <p:cNvSpPr/>
            <p:nvPr/>
          </p:nvSpPr>
          <p:spPr>
            <a:xfrm>
              <a:off x="7823646" y="2657936"/>
              <a:ext cx="1689080" cy="653143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s-ES" sz="2000" dirty="0" err="1">
                  <a:solidFill>
                    <a:schemeClr val="tx1"/>
                  </a:solidFill>
                </a:rPr>
                <a:t>Specialist</a:t>
              </a:r>
              <a:r>
                <a:rPr lang="es-ES" sz="2000" dirty="0">
                  <a:solidFill>
                    <a:schemeClr val="tx1"/>
                  </a:solidFill>
                </a:rPr>
                <a:t> Hospital</a:t>
              </a:r>
            </a:p>
          </p:txBody>
        </p:sp>
        <p:grpSp>
          <p:nvGrpSpPr>
            <p:cNvPr id="12" name="Group 11">
              <a:extLst>
                <a:ext uri="{FF2B5EF4-FFF2-40B4-BE49-F238E27FC236}">
                  <a16:creationId xmlns:a16="http://schemas.microsoft.com/office/drawing/2014/main" id="{5D1DBDAB-3F6F-EA55-777F-0DBDFA1E9B22}"/>
                </a:ext>
              </a:extLst>
            </p:cNvPr>
            <p:cNvGrpSpPr/>
            <p:nvPr/>
          </p:nvGrpSpPr>
          <p:grpSpPr>
            <a:xfrm>
              <a:off x="8125335" y="3328291"/>
              <a:ext cx="1033128" cy="328531"/>
              <a:chOff x="8357205" y="3342148"/>
              <a:chExt cx="1033128" cy="328531"/>
            </a:xfrm>
          </p:grpSpPr>
          <p:cxnSp>
            <p:nvCxnSpPr>
              <p:cNvPr id="13" name="Straight Connector 12">
                <a:extLst>
                  <a:ext uri="{FF2B5EF4-FFF2-40B4-BE49-F238E27FC236}">
                    <a16:creationId xmlns:a16="http://schemas.microsoft.com/office/drawing/2014/main" id="{D44E85AA-3365-67E5-BDB8-30F4D3EDE103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8867742" y="3342148"/>
                <a:ext cx="2348" cy="144160"/>
              </a:xfrm>
              <a:prstGeom prst="line">
                <a:avLst/>
              </a:prstGeom>
              <a:ln w="25400">
                <a:solidFill>
                  <a:schemeClr val="tx2"/>
                </a:solidFill>
                <a:prstDash val="solid"/>
                <a:tailEnd type="non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4" name="Straight Connector 13">
                <a:extLst>
                  <a:ext uri="{FF2B5EF4-FFF2-40B4-BE49-F238E27FC236}">
                    <a16:creationId xmlns:a16="http://schemas.microsoft.com/office/drawing/2014/main" id="{62545625-331D-C8F6-56FC-A79094145231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8357205" y="3498185"/>
                <a:ext cx="1033128" cy="3173"/>
              </a:xfrm>
              <a:prstGeom prst="line">
                <a:avLst/>
              </a:prstGeom>
              <a:ln w="25400">
                <a:solidFill>
                  <a:schemeClr val="tx2"/>
                </a:solidFill>
                <a:prstDash val="solid"/>
                <a:tailEnd type="non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5" name="Straight Connector 14">
                <a:extLst>
                  <a:ext uri="{FF2B5EF4-FFF2-40B4-BE49-F238E27FC236}">
                    <a16:creationId xmlns:a16="http://schemas.microsoft.com/office/drawing/2014/main" id="{2C1092FA-1490-2707-ED8D-7E75018C3B2A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380216" y="3498185"/>
                <a:ext cx="0" cy="172494"/>
              </a:xfrm>
              <a:prstGeom prst="line">
                <a:avLst/>
              </a:prstGeom>
              <a:ln w="25400" cmpd="sng">
                <a:solidFill>
                  <a:schemeClr val="tx2"/>
                </a:solidFill>
                <a:prstDash val="solid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6" name="Straight Connector 15">
                <a:extLst>
                  <a:ext uri="{FF2B5EF4-FFF2-40B4-BE49-F238E27FC236}">
                    <a16:creationId xmlns:a16="http://schemas.microsoft.com/office/drawing/2014/main" id="{486DF191-7851-463E-8FE6-8A9CE38866AA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8359016" y="3486308"/>
                <a:ext cx="6754" cy="169107"/>
              </a:xfrm>
              <a:prstGeom prst="line">
                <a:avLst/>
              </a:prstGeom>
              <a:ln w="25400" cmpd="sng">
                <a:solidFill>
                  <a:schemeClr val="tx2"/>
                </a:solidFill>
                <a:prstDash val="solid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grpSp>
        <p:nvGrpSpPr>
          <p:cNvPr id="17" name="Group 16">
            <a:extLst>
              <a:ext uri="{FF2B5EF4-FFF2-40B4-BE49-F238E27FC236}">
                <a16:creationId xmlns:a16="http://schemas.microsoft.com/office/drawing/2014/main" id="{6B22852A-D3C9-CB3A-6A84-86786BBD4CB6}"/>
              </a:ext>
            </a:extLst>
          </p:cNvPr>
          <p:cNvGrpSpPr/>
          <p:nvPr/>
        </p:nvGrpSpPr>
        <p:grpSpPr>
          <a:xfrm>
            <a:off x="5338171" y="2985572"/>
            <a:ext cx="2136223" cy="1020010"/>
            <a:chOff x="5110739" y="3599113"/>
            <a:chExt cx="2136223" cy="1020010"/>
          </a:xfrm>
        </p:grpSpPr>
        <p:sp>
          <p:nvSpPr>
            <p:cNvPr id="18" name="Rectangle: Rounded Corners 16">
              <a:extLst>
                <a:ext uri="{FF2B5EF4-FFF2-40B4-BE49-F238E27FC236}">
                  <a16:creationId xmlns:a16="http://schemas.microsoft.com/office/drawing/2014/main" id="{AAC49ABD-FC05-03C6-739F-30955629C7BC}"/>
                </a:ext>
              </a:extLst>
            </p:cNvPr>
            <p:cNvSpPr/>
            <p:nvPr/>
          </p:nvSpPr>
          <p:spPr>
            <a:xfrm>
              <a:off x="5110739" y="3599113"/>
              <a:ext cx="2136223" cy="653143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s-ES" sz="2000" dirty="0" err="1">
                  <a:solidFill>
                    <a:schemeClr val="tx1"/>
                  </a:solidFill>
                </a:rPr>
                <a:t>Health</a:t>
              </a:r>
              <a:r>
                <a:rPr lang="es-ES" sz="2000" dirty="0">
                  <a:solidFill>
                    <a:schemeClr val="tx1"/>
                  </a:solidFill>
                </a:rPr>
                <a:t> </a:t>
              </a:r>
            </a:p>
            <a:p>
              <a:pPr algn="ctr"/>
              <a:r>
                <a:rPr lang="es-ES" sz="2000" dirty="0">
                  <a:solidFill>
                    <a:schemeClr val="tx1"/>
                  </a:solidFill>
                </a:rPr>
                <a:t>Center</a:t>
              </a:r>
            </a:p>
          </p:txBody>
        </p:sp>
        <p:grpSp>
          <p:nvGrpSpPr>
            <p:cNvPr id="19" name="Group 18">
              <a:extLst>
                <a:ext uri="{FF2B5EF4-FFF2-40B4-BE49-F238E27FC236}">
                  <a16:creationId xmlns:a16="http://schemas.microsoft.com/office/drawing/2014/main" id="{A530BFB4-09D4-F485-1CFC-DC221EFB29E1}"/>
                </a:ext>
              </a:extLst>
            </p:cNvPr>
            <p:cNvGrpSpPr/>
            <p:nvPr/>
          </p:nvGrpSpPr>
          <p:grpSpPr>
            <a:xfrm>
              <a:off x="5657569" y="4290592"/>
              <a:ext cx="1033128" cy="328531"/>
              <a:chOff x="7696187" y="4304449"/>
              <a:chExt cx="1033128" cy="328531"/>
            </a:xfrm>
          </p:grpSpPr>
          <p:cxnSp>
            <p:nvCxnSpPr>
              <p:cNvPr id="20" name="Straight Connector 19">
                <a:extLst>
                  <a:ext uri="{FF2B5EF4-FFF2-40B4-BE49-F238E27FC236}">
                    <a16:creationId xmlns:a16="http://schemas.microsoft.com/office/drawing/2014/main" id="{01E493EC-81F7-F008-DDC7-1E4FAE8386E4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8206724" y="4304449"/>
                <a:ext cx="2348" cy="144160"/>
              </a:xfrm>
              <a:prstGeom prst="line">
                <a:avLst/>
              </a:prstGeom>
              <a:ln w="25400">
                <a:solidFill>
                  <a:schemeClr val="tx2"/>
                </a:solidFill>
                <a:prstDash val="solid"/>
                <a:tailEnd type="non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1" name="Straight Connector 20">
                <a:extLst>
                  <a:ext uri="{FF2B5EF4-FFF2-40B4-BE49-F238E27FC236}">
                    <a16:creationId xmlns:a16="http://schemas.microsoft.com/office/drawing/2014/main" id="{C5E4A7F3-491C-8A9F-D7FF-8E1CCF4295C8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7696187" y="4460486"/>
                <a:ext cx="1033128" cy="3173"/>
              </a:xfrm>
              <a:prstGeom prst="line">
                <a:avLst/>
              </a:prstGeom>
              <a:ln w="25400">
                <a:solidFill>
                  <a:schemeClr val="tx2"/>
                </a:solidFill>
                <a:prstDash val="solid"/>
                <a:tailEnd type="non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2" name="Straight Connector 21">
                <a:extLst>
                  <a:ext uri="{FF2B5EF4-FFF2-40B4-BE49-F238E27FC236}">
                    <a16:creationId xmlns:a16="http://schemas.microsoft.com/office/drawing/2014/main" id="{60E003B7-5D08-DB10-BC0D-4615B559EDD1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8719198" y="4460486"/>
                <a:ext cx="0" cy="172494"/>
              </a:xfrm>
              <a:prstGeom prst="line">
                <a:avLst/>
              </a:prstGeom>
              <a:ln w="25400" cmpd="sng">
                <a:solidFill>
                  <a:schemeClr val="tx2"/>
                </a:solidFill>
                <a:prstDash val="solid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3" name="Straight Connector 22">
                <a:extLst>
                  <a:ext uri="{FF2B5EF4-FFF2-40B4-BE49-F238E27FC236}">
                    <a16:creationId xmlns:a16="http://schemas.microsoft.com/office/drawing/2014/main" id="{E792F070-6747-BBE9-6A03-A7313681DEBF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7697998" y="4448609"/>
                <a:ext cx="6754" cy="169107"/>
              </a:xfrm>
              <a:prstGeom prst="line">
                <a:avLst/>
              </a:prstGeom>
              <a:ln w="25400" cmpd="sng">
                <a:solidFill>
                  <a:schemeClr val="tx2"/>
                </a:solidFill>
                <a:prstDash val="solid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52214BEF-78D7-C66B-D779-BFB116CF9FED}"/>
              </a:ext>
            </a:extLst>
          </p:cNvPr>
          <p:cNvGrpSpPr/>
          <p:nvPr/>
        </p:nvGrpSpPr>
        <p:grpSpPr>
          <a:xfrm>
            <a:off x="3792245" y="2877324"/>
            <a:ext cx="1689080" cy="1105575"/>
            <a:chOff x="4494661" y="2577782"/>
            <a:chExt cx="1689080" cy="1105575"/>
          </a:xfrm>
        </p:grpSpPr>
        <p:sp>
          <p:nvSpPr>
            <p:cNvPr id="25" name="Rectangle: Rounded Corners 16">
              <a:extLst>
                <a:ext uri="{FF2B5EF4-FFF2-40B4-BE49-F238E27FC236}">
                  <a16:creationId xmlns:a16="http://schemas.microsoft.com/office/drawing/2014/main" id="{E8007DA6-5311-0575-654E-DA49D1DA4D80}"/>
                </a:ext>
              </a:extLst>
            </p:cNvPr>
            <p:cNvSpPr/>
            <p:nvPr/>
          </p:nvSpPr>
          <p:spPr>
            <a:xfrm>
              <a:off x="4494661" y="2577782"/>
              <a:ext cx="1689080" cy="653143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s-ES" sz="2000" dirty="0" err="1">
                  <a:solidFill>
                    <a:schemeClr val="tx1"/>
                  </a:solidFill>
                </a:rPr>
                <a:t>Dispensary</a:t>
              </a:r>
              <a:endParaRPr lang="es-ES" sz="2000" dirty="0">
                <a:solidFill>
                  <a:schemeClr val="tx1"/>
                </a:solidFill>
              </a:endParaRPr>
            </a:p>
          </p:txBody>
        </p:sp>
        <p:grpSp>
          <p:nvGrpSpPr>
            <p:cNvPr id="26" name="Group 25">
              <a:extLst>
                <a:ext uri="{FF2B5EF4-FFF2-40B4-BE49-F238E27FC236}">
                  <a16:creationId xmlns:a16="http://schemas.microsoft.com/office/drawing/2014/main" id="{0DB16626-4563-48AA-221F-324DCF9996A8}"/>
                </a:ext>
              </a:extLst>
            </p:cNvPr>
            <p:cNvGrpSpPr/>
            <p:nvPr/>
          </p:nvGrpSpPr>
          <p:grpSpPr>
            <a:xfrm>
              <a:off x="4721826" y="3352045"/>
              <a:ext cx="1033128" cy="331312"/>
              <a:chOff x="8581751" y="3365902"/>
              <a:chExt cx="1033128" cy="331312"/>
            </a:xfrm>
          </p:grpSpPr>
          <p:cxnSp>
            <p:nvCxnSpPr>
              <p:cNvPr id="27" name="Straight Connector 26">
                <a:extLst>
                  <a:ext uri="{FF2B5EF4-FFF2-40B4-BE49-F238E27FC236}">
                    <a16:creationId xmlns:a16="http://schemas.microsoft.com/office/drawing/2014/main" id="{8825D135-55A8-336C-C5EF-FE4D5D96CE19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098315" y="3365902"/>
                <a:ext cx="2348" cy="144160"/>
              </a:xfrm>
              <a:prstGeom prst="line">
                <a:avLst/>
              </a:prstGeom>
              <a:ln w="25400">
                <a:solidFill>
                  <a:schemeClr val="tx2"/>
                </a:solidFill>
                <a:prstDash val="solid"/>
                <a:tailEnd type="non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8" name="Straight Connector 27">
                <a:extLst>
                  <a:ext uri="{FF2B5EF4-FFF2-40B4-BE49-F238E27FC236}">
                    <a16:creationId xmlns:a16="http://schemas.microsoft.com/office/drawing/2014/main" id="{9EE4B3CA-A4F4-0A31-7B82-3AF97B360478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8581751" y="3514957"/>
                <a:ext cx="1033128" cy="3173"/>
              </a:xfrm>
              <a:prstGeom prst="line">
                <a:avLst/>
              </a:prstGeom>
              <a:ln w="25400">
                <a:solidFill>
                  <a:schemeClr val="tx2"/>
                </a:solidFill>
                <a:prstDash val="solid"/>
                <a:tailEnd type="non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9" name="Straight Connector 28">
                <a:extLst>
                  <a:ext uri="{FF2B5EF4-FFF2-40B4-BE49-F238E27FC236}">
                    <a16:creationId xmlns:a16="http://schemas.microsoft.com/office/drawing/2014/main" id="{4E1003C8-688D-6EA2-EC9F-95D85F25FFA0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9611576" y="3516543"/>
                <a:ext cx="0" cy="172494"/>
              </a:xfrm>
              <a:prstGeom prst="line">
                <a:avLst/>
              </a:prstGeom>
              <a:ln w="25400" cmpd="sng">
                <a:solidFill>
                  <a:schemeClr val="tx2"/>
                </a:solidFill>
                <a:prstDash val="solid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30" name="Straight Connector 29">
                <a:extLst>
                  <a:ext uri="{FF2B5EF4-FFF2-40B4-BE49-F238E27FC236}">
                    <a16:creationId xmlns:a16="http://schemas.microsoft.com/office/drawing/2014/main" id="{75671664-39B5-4995-9D26-060BB8B88A25}"/>
                  </a:ext>
                </a:extLst>
              </p:cNvPr>
              <p:cNvCxnSpPr>
                <a:cxnSpLocks/>
              </p:cNvCxnSpPr>
              <p:nvPr/>
            </p:nvCxnSpPr>
            <p:spPr>
              <a:xfrm flipH="1">
                <a:off x="8586579" y="3528107"/>
                <a:ext cx="6754" cy="169107"/>
              </a:xfrm>
              <a:prstGeom prst="line">
                <a:avLst/>
              </a:prstGeom>
              <a:ln w="25400" cmpd="sng">
                <a:solidFill>
                  <a:schemeClr val="tx2"/>
                </a:solidFill>
                <a:prstDash val="solid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grpSp>
        <p:nvGrpSpPr>
          <p:cNvPr id="31" name="Group 30">
            <a:extLst>
              <a:ext uri="{FF2B5EF4-FFF2-40B4-BE49-F238E27FC236}">
                <a16:creationId xmlns:a16="http://schemas.microsoft.com/office/drawing/2014/main" id="{D8BB0BCC-9682-2D4C-ED85-0771EE7F5F1C}"/>
              </a:ext>
            </a:extLst>
          </p:cNvPr>
          <p:cNvGrpSpPr/>
          <p:nvPr/>
        </p:nvGrpSpPr>
        <p:grpSpPr>
          <a:xfrm>
            <a:off x="5543946" y="4292762"/>
            <a:ext cx="1824547" cy="654581"/>
            <a:chOff x="3851592" y="4543140"/>
            <a:chExt cx="1824547" cy="654581"/>
          </a:xfrm>
        </p:grpSpPr>
        <p:pic>
          <p:nvPicPr>
            <p:cNvPr id="32" name="Picture 31">
              <a:extLst>
                <a:ext uri="{FF2B5EF4-FFF2-40B4-BE49-F238E27FC236}">
                  <a16:creationId xmlns:a16="http://schemas.microsoft.com/office/drawing/2014/main" id="{39A2A983-2C7C-189F-CA24-0E5BA856E1ED}"/>
                </a:ext>
              </a:extLst>
            </p:cNvPr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3851592" y="4543140"/>
              <a:ext cx="768456" cy="637145"/>
            </a:xfrm>
            <a:prstGeom prst="rect">
              <a:avLst/>
            </a:prstGeom>
          </p:spPr>
        </p:pic>
        <p:pic>
          <p:nvPicPr>
            <p:cNvPr id="33" name="Picture 32">
              <a:extLst>
                <a:ext uri="{FF2B5EF4-FFF2-40B4-BE49-F238E27FC236}">
                  <a16:creationId xmlns:a16="http://schemas.microsoft.com/office/drawing/2014/main" id="{12E81B06-2C20-67A4-6705-9EEA28315256}"/>
                </a:ext>
              </a:extLst>
            </p:cNvPr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4907683" y="4560576"/>
              <a:ext cx="768456" cy="637145"/>
            </a:xfrm>
            <a:prstGeom prst="rect">
              <a:avLst/>
            </a:prstGeom>
          </p:spPr>
        </p:pic>
      </p:grpSp>
      <p:grpSp>
        <p:nvGrpSpPr>
          <p:cNvPr id="34" name="Group 33">
            <a:extLst>
              <a:ext uri="{FF2B5EF4-FFF2-40B4-BE49-F238E27FC236}">
                <a16:creationId xmlns:a16="http://schemas.microsoft.com/office/drawing/2014/main" id="{F85C5CEF-D29B-D8A3-6E24-EDBB1783CB70}"/>
              </a:ext>
            </a:extLst>
          </p:cNvPr>
          <p:cNvGrpSpPr/>
          <p:nvPr/>
        </p:nvGrpSpPr>
        <p:grpSpPr>
          <a:xfrm>
            <a:off x="9736507" y="4284765"/>
            <a:ext cx="1826558" cy="634274"/>
            <a:chOff x="8075956" y="4555728"/>
            <a:chExt cx="1826558" cy="634274"/>
          </a:xfrm>
        </p:grpSpPr>
        <p:grpSp>
          <p:nvGrpSpPr>
            <p:cNvPr id="35" name="Group 2">
              <a:extLst>
                <a:ext uri="{FF2B5EF4-FFF2-40B4-BE49-F238E27FC236}">
                  <a16:creationId xmlns:a16="http://schemas.microsoft.com/office/drawing/2014/main" id="{01305E40-8BCD-86C4-862A-66A7B29CFC6B}"/>
                </a:ext>
              </a:extLst>
            </p:cNvPr>
            <p:cNvGrpSpPr/>
            <p:nvPr/>
          </p:nvGrpSpPr>
          <p:grpSpPr>
            <a:xfrm>
              <a:off x="8075956" y="4560419"/>
              <a:ext cx="770465" cy="629583"/>
              <a:chOff x="1227099" y="2167467"/>
              <a:chExt cx="9748521" cy="7882468"/>
            </a:xfrm>
            <a:noFill/>
          </p:grpSpPr>
          <p:sp>
            <p:nvSpPr>
              <p:cNvPr id="49" name="Free Form 3">
                <a:extLst>
                  <a:ext uri="{FF2B5EF4-FFF2-40B4-BE49-F238E27FC236}">
                    <a16:creationId xmlns:a16="http://schemas.microsoft.com/office/drawing/2014/main" id="{FBC33617-D4EE-4992-3923-2D78E73E8958}"/>
                  </a:ext>
                </a:extLst>
              </p:cNvPr>
              <p:cNvSpPr/>
              <p:nvPr/>
            </p:nvSpPr>
            <p:spPr>
              <a:xfrm>
                <a:off x="1645920" y="2167467"/>
                <a:ext cx="8818880" cy="7854809"/>
              </a:xfrm>
              <a:custGeom>
                <a:avLst/>
                <a:gdLst/>
                <a:ahLst/>
                <a:cxnLst/>
                <a:rect l="0" t="0" r="0" b="0"/>
                <a:pathLst>
                  <a:path w="8818880" h="7854808">
                    <a:moveTo>
                      <a:pt x="8711635" y="3025422"/>
                    </a:moveTo>
                    <a:lnTo>
                      <a:pt x="6856871" y="3025422"/>
                    </a:lnTo>
                    <a:cubicBezTo>
                      <a:pt x="6797040" y="3025422"/>
                      <a:pt x="6749626" y="2976880"/>
                      <a:pt x="6749626" y="2918177"/>
                    </a:cubicBezTo>
                    <a:lnTo>
                      <a:pt x="6749626" y="107244"/>
                    </a:lnTo>
                    <a:cubicBezTo>
                      <a:pt x="6749626" y="47413"/>
                      <a:pt x="6701084" y="0"/>
                      <a:pt x="6642382" y="0"/>
                    </a:cubicBezTo>
                    <a:lnTo>
                      <a:pt x="6635608" y="0"/>
                    </a:lnTo>
                    <a:lnTo>
                      <a:pt x="2184400" y="0"/>
                    </a:lnTo>
                    <a:lnTo>
                      <a:pt x="2177626" y="0"/>
                    </a:lnTo>
                    <a:cubicBezTo>
                      <a:pt x="2117795" y="0"/>
                      <a:pt x="2070382" y="48542"/>
                      <a:pt x="2070382" y="107244"/>
                    </a:cubicBezTo>
                    <a:lnTo>
                      <a:pt x="2070382" y="2918177"/>
                    </a:lnTo>
                    <a:cubicBezTo>
                      <a:pt x="2070382" y="2978008"/>
                      <a:pt x="2021840" y="3025422"/>
                      <a:pt x="1963137" y="3025422"/>
                    </a:cubicBezTo>
                    <a:lnTo>
                      <a:pt x="107244" y="3025422"/>
                    </a:lnTo>
                    <a:cubicBezTo>
                      <a:pt x="47413" y="3025422"/>
                      <a:pt x="0" y="3073964"/>
                      <a:pt x="0" y="3132666"/>
                    </a:cubicBezTo>
                    <a:lnTo>
                      <a:pt x="0" y="7747564"/>
                    </a:lnTo>
                    <a:cubicBezTo>
                      <a:pt x="0" y="7807395"/>
                      <a:pt x="48542" y="7854808"/>
                      <a:pt x="107244" y="7854808"/>
                    </a:cubicBezTo>
                    <a:lnTo>
                      <a:pt x="2184400" y="7854808"/>
                    </a:lnTo>
                    <a:lnTo>
                      <a:pt x="6633351" y="7854808"/>
                    </a:lnTo>
                    <a:lnTo>
                      <a:pt x="8710506" y="7854808"/>
                    </a:lnTo>
                    <a:cubicBezTo>
                      <a:pt x="8770337" y="7854808"/>
                      <a:pt x="8817751" y="7806266"/>
                      <a:pt x="8817751" y="7747564"/>
                    </a:cubicBezTo>
                    <a:lnTo>
                      <a:pt x="8817751" y="3133795"/>
                    </a:lnTo>
                    <a:cubicBezTo>
                      <a:pt x="8818880" y="3073964"/>
                      <a:pt x="8770337" y="3025422"/>
                      <a:pt x="8711635" y="3025422"/>
                    </a:cubicBezTo>
                    <a:close/>
                  </a:path>
                </a:pathLst>
              </a:custGeom>
              <a:solidFill>
                <a:schemeClr val="accent4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 dirty="0"/>
              </a:p>
            </p:txBody>
          </p:sp>
          <p:sp>
            <p:nvSpPr>
              <p:cNvPr id="50" name="Free Form 4">
                <a:extLst>
                  <a:ext uri="{FF2B5EF4-FFF2-40B4-BE49-F238E27FC236}">
                    <a16:creationId xmlns:a16="http://schemas.microsoft.com/office/drawing/2014/main" id="{DE5ED490-BF6C-EDFF-6484-60BA3CB37BED}"/>
                  </a:ext>
                </a:extLst>
              </p:cNvPr>
              <p:cNvSpPr/>
              <p:nvPr/>
            </p:nvSpPr>
            <p:spPr>
              <a:xfrm>
                <a:off x="5235788" y="3535677"/>
                <a:ext cx="1693334" cy="1693334"/>
              </a:xfrm>
              <a:custGeom>
                <a:avLst/>
                <a:gdLst/>
                <a:ahLst/>
                <a:cxnLst/>
                <a:rect l="0" t="0" r="0" b="0"/>
                <a:pathLst>
                  <a:path w="1693333" h="1693333">
                    <a:moveTo>
                      <a:pt x="1663982" y="570088"/>
                    </a:moveTo>
                    <a:lnTo>
                      <a:pt x="1152595" y="570088"/>
                    </a:lnTo>
                    <a:cubicBezTo>
                      <a:pt x="1136791" y="570088"/>
                      <a:pt x="1123244" y="556542"/>
                      <a:pt x="1123244" y="540737"/>
                    </a:cubicBezTo>
                    <a:lnTo>
                      <a:pt x="1123244" y="29351"/>
                    </a:lnTo>
                    <a:cubicBezTo>
                      <a:pt x="1123244" y="13546"/>
                      <a:pt x="1109686" y="0"/>
                      <a:pt x="1093893" y="0"/>
                    </a:cubicBezTo>
                    <a:lnTo>
                      <a:pt x="599440" y="0"/>
                    </a:lnTo>
                    <a:cubicBezTo>
                      <a:pt x="583635" y="0"/>
                      <a:pt x="570088" y="13546"/>
                      <a:pt x="570088" y="29351"/>
                    </a:cubicBezTo>
                    <a:lnTo>
                      <a:pt x="570088" y="540737"/>
                    </a:lnTo>
                    <a:cubicBezTo>
                      <a:pt x="570088" y="556542"/>
                      <a:pt x="556542" y="570088"/>
                      <a:pt x="540737" y="570088"/>
                    </a:cubicBezTo>
                    <a:lnTo>
                      <a:pt x="29351" y="570088"/>
                    </a:lnTo>
                    <a:cubicBezTo>
                      <a:pt x="13546" y="570088"/>
                      <a:pt x="0" y="583635"/>
                      <a:pt x="0" y="599440"/>
                    </a:cubicBezTo>
                    <a:lnTo>
                      <a:pt x="0" y="1093893"/>
                    </a:lnTo>
                    <a:cubicBezTo>
                      <a:pt x="0" y="1109697"/>
                      <a:pt x="13546" y="1123244"/>
                      <a:pt x="29351" y="1123244"/>
                    </a:cubicBezTo>
                    <a:lnTo>
                      <a:pt x="540737" y="1123244"/>
                    </a:lnTo>
                    <a:cubicBezTo>
                      <a:pt x="556542" y="1123244"/>
                      <a:pt x="570088" y="1136791"/>
                      <a:pt x="570088" y="1152595"/>
                    </a:cubicBezTo>
                    <a:lnTo>
                      <a:pt x="570088" y="1663982"/>
                    </a:lnTo>
                    <a:cubicBezTo>
                      <a:pt x="570088" y="1679786"/>
                      <a:pt x="583635" y="1693333"/>
                      <a:pt x="599440" y="1693333"/>
                    </a:cubicBezTo>
                    <a:lnTo>
                      <a:pt x="1093893" y="1693333"/>
                    </a:lnTo>
                    <a:cubicBezTo>
                      <a:pt x="1109686" y="1693333"/>
                      <a:pt x="1123244" y="1679786"/>
                      <a:pt x="1123244" y="1663982"/>
                    </a:cubicBezTo>
                    <a:lnTo>
                      <a:pt x="1123244" y="1152595"/>
                    </a:lnTo>
                    <a:cubicBezTo>
                      <a:pt x="1123244" y="1136791"/>
                      <a:pt x="1136791" y="1123244"/>
                      <a:pt x="1152595" y="1123244"/>
                    </a:cubicBezTo>
                    <a:lnTo>
                      <a:pt x="1663982" y="1123244"/>
                    </a:lnTo>
                    <a:cubicBezTo>
                      <a:pt x="1679775" y="1123244"/>
                      <a:pt x="1693333" y="1109697"/>
                      <a:pt x="1693333" y="1093893"/>
                    </a:cubicBezTo>
                    <a:lnTo>
                      <a:pt x="1693333" y="599440"/>
                    </a:lnTo>
                    <a:cubicBezTo>
                      <a:pt x="1693333" y="583635"/>
                      <a:pt x="1679775" y="570088"/>
                      <a:pt x="1663982" y="570088"/>
                    </a:cubicBezTo>
                    <a:close/>
                  </a:path>
                </a:pathLst>
              </a:custGeom>
              <a:solidFill>
                <a:srgbClr val="FF8F02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51" name="Free Form 5">
                <a:extLst>
                  <a:ext uri="{FF2B5EF4-FFF2-40B4-BE49-F238E27FC236}">
                    <a16:creationId xmlns:a16="http://schemas.microsoft.com/office/drawing/2014/main" id="{0FD66A16-1091-8B6F-1403-CBC9EBCEBEF2}"/>
                  </a:ext>
                </a:extLst>
              </p:cNvPr>
              <p:cNvSpPr/>
              <p:nvPr/>
            </p:nvSpPr>
            <p:spPr>
              <a:xfrm>
                <a:off x="5528168" y="7765624"/>
                <a:ext cx="1107440" cy="2248747"/>
              </a:xfrm>
              <a:custGeom>
                <a:avLst/>
                <a:gdLst/>
                <a:ahLst/>
                <a:cxnLst/>
                <a:rect l="0" t="0" r="0" b="0"/>
                <a:pathLst>
                  <a:path w="1107440" h="2248746">
                    <a:moveTo>
                      <a:pt x="1070186" y="2248746"/>
                    </a:moveTo>
                    <a:lnTo>
                      <a:pt x="36124" y="2248746"/>
                    </a:lnTo>
                    <a:cubicBezTo>
                      <a:pt x="15804" y="2248746"/>
                      <a:pt x="0" y="2231813"/>
                      <a:pt x="0" y="2212622"/>
                    </a:cubicBezTo>
                    <a:lnTo>
                      <a:pt x="0" y="36124"/>
                    </a:lnTo>
                    <a:cubicBezTo>
                      <a:pt x="0" y="15804"/>
                      <a:pt x="16933" y="0"/>
                      <a:pt x="36124" y="0"/>
                    </a:cubicBezTo>
                    <a:lnTo>
                      <a:pt x="1070186" y="0"/>
                    </a:lnTo>
                    <a:cubicBezTo>
                      <a:pt x="1090506" y="0"/>
                      <a:pt x="1106311" y="16933"/>
                      <a:pt x="1106311" y="36124"/>
                    </a:cubicBezTo>
                    <a:lnTo>
                      <a:pt x="1106311" y="2211493"/>
                    </a:lnTo>
                    <a:cubicBezTo>
                      <a:pt x="1107440" y="2231813"/>
                      <a:pt x="1090506" y="2248746"/>
                      <a:pt x="1070186" y="2248746"/>
                    </a:cubicBezTo>
                    <a:close/>
                  </a:path>
                </a:pathLst>
              </a:custGeom>
              <a:solidFill>
                <a:schemeClr val="tx2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52" name="Free Form 6">
                <a:extLst>
                  <a:ext uri="{FF2B5EF4-FFF2-40B4-BE49-F238E27FC236}">
                    <a16:creationId xmlns:a16="http://schemas.microsoft.com/office/drawing/2014/main" id="{E0740BA8-D417-4622-AE2C-2E802E5DE2DB}"/>
                  </a:ext>
                </a:extLst>
              </p:cNvPr>
              <p:cNvSpPr/>
              <p:nvPr/>
            </p:nvSpPr>
            <p:spPr>
              <a:xfrm>
                <a:off x="9010791" y="6667209"/>
                <a:ext cx="682977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1848" y="538491"/>
                      <a:pt x="666044" y="554295"/>
                      <a:pt x="646853" y="554295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53" name="Free Form 7">
                <a:extLst>
                  <a:ext uri="{FF2B5EF4-FFF2-40B4-BE49-F238E27FC236}">
                    <a16:creationId xmlns:a16="http://schemas.microsoft.com/office/drawing/2014/main" id="{922D62C4-F93F-17A7-C53C-8BF39D1B95D8}"/>
                  </a:ext>
                </a:extLst>
              </p:cNvPr>
              <p:cNvSpPr/>
              <p:nvPr/>
            </p:nvSpPr>
            <p:spPr>
              <a:xfrm>
                <a:off x="9010791" y="7473242"/>
                <a:ext cx="682977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1848" y="538491"/>
                      <a:pt x="666044" y="554284"/>
                      <a:pt x="646853" y="554284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54" name="Free Form 8">
                <a:extLst>
                  <a:ext uri="{FF2B5EF4-FFF2-40B4-BE49-F238E27FC236}">
                    <a16:creationId xmlns:a16="http://schemas.microsoft.com/office/drawing/2014/main" id="{CE02268A-FD4A-426F-BB04-CF6ED37D8DA1}"/>
                  </a:ext>
                </a:extLst>
              </p:cNvPr>
              <p:cNvSpPr/>
              <p:nvPr/>
            </p:nvSpPr>
            <p:spPr>
              <a:xfrm>
                <a:off x="8061388" y="6667209"/>
                <a:ext cx="682978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64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15" y="0"/>
                      <a:pt x="36124" y="0"/>
                    </a:cubicBezTo>
                    <a:lnTo>
                      <a:pt x="646864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2977" y="538491"/>
                      <a:pt x="667184" y="554295"/>
                      <a:pt x="646864" y="554295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55" name="Free Form 9">
                <a:extLst>
                  <a:ext uri="{FF2B5EF4-FFF2-40B4-BE49-F238E27FC236}">
                    <a16:creationId xmlns:a16="http://schemas.microsoft.com/office/drawing/2014/main" id="{16620F41-BDC2-9B79-7758-691425FCE9EE}"/>
                  </a:ext>
                </a:extLst>
              </p:cNvPr>
              <p:cNvSpPr/>
              <p:nvPr/>
            </p:nvSpPr>
            <p:spPr>
              <a:xfrm>
                <a:off x="8061388" y="7473242"/>
                <a:ext cx="682978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64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15" y="0"/>
                      <a:pt x="36124" y="0"/>
                    </a:cubicBezTo>
                    <a:lnTo>
                      <a:pt x="646864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2977" y="538491"/>
                      <a:pt x="667184" y="554284"/>
                      <a:pt x="646864" y="554284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56" name="Free Form 10">
                <a:extLst>
                  <a:ext uri="{FF2B5EF4-FFF2-40B4-BE49-F238E27FC236}">
                    <a16:creationId xmlns:a16="http://schemas.microsoft.com/office/drawing/2014/main" id="{09D4C30E-CABA-A33F-9DA2-D0B0106784F7}"/>
                  </a:ext>
                </a:extLst>
              </p:cNvPr>
              <p:cNvSpPr/>
              <p:nvPr/>
            </p:nvSpPr>
            <p:spPr>
              <a:xfrm>
                <a:off x="3321191" y="6667209"/>
                <a:ext cx="682977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1848" y="538491"/>
                      <a:pt x="666044" y="554295"/>
                      <a:pt x="646853" y="554295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57" name="Free Form 11">
                <a:extLst>
                  <a:ext uri="{FF2B5EF4-FFF2-40B4-BE49-F238E27FC236}">
                    <a16:creationId xmlns:a16="http://schemas.microsoft.com/office/drawing/2014/main" id="{6E551CAD-B863-7FAD-696B-24FD8876C56C}"/>
                  </a:ext>
                </a:extLst>
              </p:cNvPr>
              <p:cNvSpPr/>
              <p:nvPr/>
            </p:nvSpPr>
            <p:spPr>
              <a:xfrm>
                <a:off x="3321191" y="7473242"/>
                <a:ext cx="682977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1848" y="538491"/>
                      <a:pt x="666044" y="554284"/>
                      <a:pt x="646853" y="554284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58" name="Free Form 12">
                <a:extLst>
                  <a:ext uri="{FF2B5EF4-FFF2-40B4-BE49-F238E27FC236}">
                    <a16:creationId xmlns:a16="http://schemas.microsoft.com/office/drawing/2014/main" id="{8B5D9CD2-2998-AB3E-A990-C52AEC050C8B}"/>
                  </a:ext>
                </a:extLst>
              </p:cNvPr>
              <p:cNvSpPr/>
              <p:nvPr/>
            </p:nvSpPr>
            <p:spPr>
              <a:xfrm>
                <a:off x="2371794" y="6667209"/>
                <a:ext cx="682978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2977" y="538491"/>
                      <a:pt x="667173" y="554295"/>
                      <a:pt x="646853" y="554295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59" name="Free Form 13">
                <a:extLst>
                  <a:ext uri="{FF2B5EF4-FFF2-40B4-BE49-F238E27FC236}">
                    <a16:creationId xmlns:a16="http://schemas.microsoft.com/office/drawing/2014/main" id="{7390B8B6-D5FF-BA23-F967-E6487DFC204C}"/>
                  </a:ext>
                </a:extLst>
              </p:cNvPr>
              <p:cNvSpPr/>
              <p:nvPr/>
            </p:nvSpPr>
            <p:spPr>
              <a:xfrm>
                <a:off x="2371794" y="7473242"/>
                <a:ext cx="682978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2977" y="538491"/>
                      <a:pt x="667173" y="554284"/>
                      <a:pt x="646853" y="554284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60" name="Free Form 14">
                <a:extLst>
                  <a:ext uri="{FF2B5EF4-FFF2-40B4-BE49-F238E27FC236}">
                    <a16:creationId xmlns:a16="http://schemas.microsoft.com/office/drawing/2014/main" id="{0F3F2734-826B-F075-C884-2B2A58C0F8EC}"/>
                  </a:ext>
                </a:extLst>
              </p:cNvPr>
              <p:cNvSpPr/>
              <p:nvPr/>
            </p:nvSpPr>
            <p:spPr>
              <a:xfrm>
                <a:off x="1227099" y="9595557"/>
                <a:ext cx="9723121" cy="428978"/>
              </a:xfrm>
              <a:custGeom>
                <a:avLst/>
                <a:gdLst/>
                <a:ahLst/>
                <a:cxnLst/>
                <a:rect l="0" t="0" r="0" b="0"/>
                <a:pathLst>
                  <a:path w="9723120" h="428977">
                    <a:moveTo>
                      <a:pt x="9675706" y="428977"/>
                    </a:moveTo>
                    <a:lnTo>
                      <a:pt x="25964" y="428977"/>
                    </a:lnTo>
                    <a:cubicBezTo>
                      <a:pt x="0" y="428977"/>
                      <a:pt x="25964" y="407528"/>
                      <a:pt x="25964" y="381564"/>
                    </a:cubicBezTo>
                    <a:lnTo>
                      <a:pt x="25964" y="47413"/>
                    </a:lnTo>
                    <a:cubicBezTo>
                      <a:pt x="25964" y="21437"/>
                      <a:pt x="0" y="0"/>
                      <a:pt x="25964" y="0"/>
                    </a:cubicBezTo>
                    <a:lnTo>
                      <a:pt x="9675706" y="0"/>
                    </a:lnTo>
                    <a:cubicBezTo>
                      <a:pt x="9701671" y="0"/>
                      <a:pt x="9723120" y="21437"/>
                      <a:pt x="9723120" y="47413"/>
                    </a:cubicBezTo>
                    <a:lnTo>
                      <a:pt x="9723120" y="381564"/>
                    </a:lnTo>
                    <a:cubicBezTo>
                      <a:pt x="9723120" y="407528"/>
                      <a:pt x="9701671" y="428977"/>
                      <a:pt x="9675706" y="428977"/>
                    </a:cubicBezTo>
                    <a:close/>
                  </a:path>
                </a:pathLst>
              </a:custGeom>
              <a:solidFill>
                <a:schemeClr val="tx2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 dirty="0"/>
              </a:p>
            </p:txBody>
          </p:sp>
        </p:grpSp>
        <p:grpSp>
          <p:nvGrpSpPr>
            <p:cNvPr id="36" name="Group 2">
              <a:extLst>
                <a:ext uri="{FF2B5EF4-FFF2-40B4-BE49-F238E27FC236}">
                  <a16:creationId xmlns:a16="http://schemas.microsoft.com/office/drawing/2014/main" id="{44EC6A14-2B55-4836-03B6-6FCF77A8E169}"/>
                </a:ext>
              </a:extLst>
            </p:cNvPr>
            <p:cNvGrpSpPr/>
            <p:nvPr/>
          </p:nvGrpSpPr>
          <p:grpSpPr>
            <a:xfrm>
              <a:off x="9134056" y="4555728"/>
              <a:ext cx="768458" cy="627374"/>
              <a:chOff x="1227099" y="2356834"/>
              <a:chExt cx="9723121" cy="7854811"/>
            </a:xfrm>
            <a:noFill/>
          </p:grpSpPr>
          <p:sp>
            <p:nvSpPr>
              <p:cNvPr id="37" name="Free Form 3">
                <a:extLst>
                  <a:ext uri="{FF2B5EF4-FFF2-40B4-BE49-F238E27FC236}">
                    <a16:creationId xmlns:a16="http://schemas.microsoft.com/office/drawing/2014/main" id="{6D174C34-6CBD-0CB7-E9DC-806B5FA5F3F2}"/>
                  </a:ext>
                </a:extLst>
              </p:cNvPr>
              <p:cNvSpPr/>
              <p:nvPr/>
            </p:nvSpPr>
            <p:spPr>
              <a:xfrm>
                <a:off x="1619537" y="2356834"/>
                <a:ext cx="8818884" cy="7854811"/>
              </a:xfrm>
              <a:custGeom>
                <a:avLst/>
                <a:gdLst/>
                <a:ahLst/>
                <a:cxnLst/>
                <a:rect l="0" t="0" r="0" b="0"/>
                <a:pathLst>
                  <a:path w="8818880" h="7854808">
                    <a:moveTo>
                      <a:pt x="8711635" y="3025422"/>
                    </a:moveTo>
                    <a:lnTo>
                      <a:pt x="6856871" y="3025422"/>
                    </a:lnTo>
                    <a:cubicBezTo>
                      <a:pt x="6797040" y="3025422"/>
                      <a:pt x="6749626" y="2976880"/>
                      <a:pt x="6749626" y="2918177"/>
                    </a:cubicBezTo>
                    <a:lnTo>
                      <a:pt x="6749626" y="107244"/>
                    </a:lnTo>
                    <a:cubicBezTo>
                      <a:pt x="6749626" y="47413"/>
                      <a:pt x="6701084" y="0"/>
                      <a:pt x="6642382" y="0"/>
                    </a:cubicBezTo>
                    <a:lnTo>
                      <a:pt x="6635608" y="0"/>
                    </a:lnTo>
                    <a:lnTo>
                      <a:pt x="2184400" y="0"/>
                    </a:lnTo>
                    <a:lnTo>
                      <a:pt x="2177626" y="0"/>
                    </a:lnTo>
                    <a:cubicBezTo>
                      <a:pt x="2117795" y="0"/>
                      <a:pt x="2070382" y="48542"/>
                      <a:pt x="2070382" y="107244"/>
                    </a:cubicBezTo>
                    <a:lnTo>
                      <a:pt x="2070382" y="2918177"/>
                    </a:lnTo>
                    <a:cubicBezTo>
                      <a:pt x="2070382" y="2978008"/>
                      <a:pt x="2021840" y="3025422"/>
                      <a:pt x="1963137" y="3025422"/>
                    </a:cubicBezTo>
                    <a:lnTo>
                      <a:pt x="107244" y="3025422"/>
                    </a:lnTo>
                    <a:cubicBezTo>
                      <a:pt x="47413" y="3025422"/>
                      <a:pt x="0" y="3073964"/>
                      <a:pt x="0" y="3132666"/>
                    </a:cubicBezTo>
                    <a:lnTo>
                      <a:pt x="0" y="7747564"/>
                    </a:lnTo>
                    <a:cubicBezTo>
                      <a:pt x="0" y="7807395"/>
                      <a:pt x="48542" y="7854808"/>
                      <a:pt x="107244" y="7854808"/>
                    </a:cubicBezTo>
                    <a:lnTo>
                      <a:pt x="2184400" y="7854808"/>
                    </a:lnTo>
                    <a:lnTo>
                      <a:pt x="6633351" y="7854808"/>
                    </a:lnTo>
                    <a:lnTo>
                      <a:pt x="8710506" y="7854808"/>
                    </a:lnTo>
                    <a:cubicBezTo>
                      <a:pt x="8770337" y="7854808"/>
                      <a:pt x="8817751" y="7806266"/>
                      <a:pt x="8817751" y="7747564"/>
                    </a:cubicBezTo>
                    <a:lnTo>
                      <a:pt x="8817751" y="3133795"/>
                    </a:lnTo>
                    <a:cubicBezTo>
                      <a:pt x="8818880" y="3073964"/>
                      <a:pt x="8770337" y="3025422"/>
                      <a:pt x="8711635" y="3025422"/>
                    </a:cubicBezTo>
                    <a:close/>
                  </a:path>
                </a:pathLst>
              </a:custGeom>
              <a:solidFill>
                <a:schemeClr val="accent4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 dirty="0"/>
              </a:p>
            </p:txBody>
          </p:sp>
          <p:sp>
            <p:nvSpPr>
              <p:cNvPr id="38" name="Free Form 4">
                <a:extLst>
                  <a:ext uri="{FF2B5EF4-FFF2-40B4-BE49-F238E27FC236}">
                    <a16:creationId xmlns:a16="http://schemas.microsoft.com/office/drawing/2014/main" id="{3527D8B7-E508-B838-FA8D-85D30D2FFE70}"/>
                  </a:ext>
                </a:extLst>
              </p:cNvPr>
              <p:cNvSpPr/>
              <p:nvPr/>
            </p:nvSpPr>
            <p:spPr>
              <a:xfrm>
                <a:off x="5235788" y="3535677"/>
                <a:ext cx="1693334" cy="1693334"/>
              </a:xfrm>
              <a:custGeom>
                <a:avLst/>
                <a:gdLst/>
                <a:ahLst/>
                <a:cxnLst/>
                <a:rect l="0" t="0" r="0" b="0"/>
                <a:pathLst>
                  <a:path w="1693333" h="1693333">
                    <a:moveTo>
                      <a:pt x="1663982" y="570088"/>
                    </a:moveTo>
                    <a:lnTo>
                      <a:pt x="1152595" y="570088"/>
                    </a:lnTo>
                    <a:cubicBezTo>
                      <a:pt x="1136791" y="570088"/>
                      <a:pt x="1123244" y="556542"/>
                      <a:pt x="1123244" y="540737"/>
                    </a:cubicBezTo>
                    <a:lnTo>
                      <a:pt x="1123244" y="29351"/>
                    </a:lnTo>
                    <a:cubicBezTo>
                      <a:pt x="1123244" y="13546"/>
                      <a:pt x="1109686" y="0"/>
                      <a:pt x="1093893" y="0"/>
                    </a:cubicBezTo>
                    <a:lnTo>
                      <a:pt x="599440" y="0"/>
                    </a:lnTo>
                    <a:cubicBezTo>
                      <a:pt x="583635" y="0"/>
                      <a:pt x="570088" y="13546"/>
                      <a:pt x="570088" y="29351"/>
                    </a:cubicBezTo>
                    <a:lnTo>
                      <a:pt x="570088" y="540737"/>
                    </a:lnTo>
                    <a:cubicBezTo>
                      <a:pt x="570088" y="556542"/>
                      <a:pt x="556542" y="570088"/>
                      <a:pt x="540737" y="570088"/>
                    </a:cubicBezTo>
                    <a:lnTo>
                      <a:pt x="29351" y="570088"/>
                    </a:lnTo>
                    <a:cubicBezTo>
                      <a:pt x="13546" y="570088"/>
                      <a:pt x="0" y="583635"/>
                      <a:pt x="0" y="599440"/>
                    </a:cubicBezTo>
                    <a:lnTo>
                      <a:pt x="0" y="1093893"/>
                    </a:lnTo>
                    <a:cubicBezTo>
                      <a:pt x="0" y="1109697"/>
                      <a:pt x="13546" y="1123244"/>
                      <a:pt x="29351" y="1123244"/>
                    </a:cubicBezTo>
                    <a:lnTo>
                      <a:pt x="540737" y="1123244"/>
                    </a:lnTo>
                    <a:cubicBezTo>
                      <a:pt x="556542" y="1123244"/>
                      <a:pt x="570088" y="1136791"/>
                      <a:pt x="570088" y="1152595"/>
                    </a:cubicBezTo>
                    <a:lnTo>
                      <a:pt x="570088" y="1663982"/>
                    </a:lnTo>
                    <a:cubicBezTo>
                      <a:pt x="570088" y="1679786"/>
                      <a:pt x="583635" y="1693333"/>
                      <a:pt x="599440" y="1693333"/>
                    </a:cubicBezTo>
                    <a:lnTo>
                      <a:pt x="1093893" y="1693333"/>
                    </a:lnTo>
                    <a:cubicBezTo>
                      <a:pt x="1109686" y="1693333"/>
                      <a:pt x="1123244" y="1679786"/>
                      <a:pt x="1123244" y="1663982"/>
                    </a:cubicBezTo>
                    <a:lnTo>
                      <a:pt x="1123244" y="1152595"/>
                    </a:lnTo>
                    <a:cubicBezTo>
                      <a:pt x="1123244" y="1136791"/>
                      <a:pt x="1136791" y="1123244"/>
                      <a:pt x="1152595" y="1123244"/>
                    </a:cubicBezTo>
                    <a:lnTo>
                      <a:pt x="1663982" y="1123244"/>
                    </a:lnTo>
                    <a:cubicBezTo>
                      <a:pt x="1679775" y="1123244"/>
                      <a:pt x="1693333" y="1109697"/>
                      <a:pt x="1693333" y="1093893"/>
                    </a:cubicBezTo>
                    <a:lnTo>
                      <a:pt x="1693333" y="599440"/>
                    </a:lnTo>
                    <a:cubicBezTo>
                      <a:pt x="1693333" y="583635"/>
                      <a:pt x="1679775" y="570088"/>
                      <a:pt x="1663982" y="570088"/>
                    </a:cubicBezTo>
                    <a:close/>
                  </a:path>
                </a:pathLst>
              </a:custGeom>
              <a:solidFill>
                <a:srgbClr val="FF8F02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39" name="Free Form 5">
                <a:extLst>
                  <a:ext uri="{FF2B5EF4-FFF2-40B4-BE49-F238E27FC236}">
                    <a16:creationId xmlns:a16="http://schemas.microsoft.com/office/drawing/2014/main" id="{B6FC71AF-9C71-3537-EEBA-A835D545236F}"/>
                  </a:ext>
                </a:extLst>
              </p:cNvPr>
              <p:cNvSpPr/>
              <p:nvPr/>
            </p:nvSpPr>
            <p:spPr>
              <a:xfrm>
                <a:off x="5528168" y="7765624"/>
                <a:ext cx="1107440" cy="2248747"/>
              </a:xfrm>
              <a:custGeom>
                <a:avLst/>
                <a:gdLst/>
                <a:ahLst/>
                <a:cxnLst/>
                <a:rect l="0" t="0" r="0" b="0"/>
                <a:pathLst>
                  <a:path w="1107440" h="2248746">
                    <a:moveTo>
                      <a:pt x="1070186" y="2248746"/>
                    </a:moveTo>
                    <a:lnTo>
                      <a:pt x="36124" y="2248746"/>
                    </a:lnTo>
                    <a:cubicBezTo>
                      <a:pt x="15804" y="2248746"/>
                      <a:pt x="0" y="2231813"/>
                      <a:pt x="0" y="2212622"/>
                    </a:cubicBezTo>
                    <a:lnTo>
                      <a:pt x="0" y="36124"/>
                    </a:lnTo>
                    <a:cubicBezTo>
                      <a:pt x="0" y="15804"/>
                      <a:pt x="16933" y="0"/>
                      <a:pt x="36124" y="0"/>
                    </a:cubicBezTo>
                    <a:lnTo>
                      <a:pt x="1070186" y="0"/>
                    </a:lnTo>
                    <a:cubicBezTo>
                      <a:pt x="1090506" y="0"/>
                      <a:pt x="1106311" y="16933"/>
                      <a:pt x="1106311" y="36124"/>
                    </a:cubicBezTo>
                    <a:lnTo>
                      <a:pt x="1106311" y="2211493"/>
                    </a:lnTo>
                    <a:cubicBezTo>
                      <a:pt x="1107440" y="2231813"/>
                      <a:pt x="1090506" y="2248746"/>
                      <a:pt x="1070186" y="2248746"/>
                    </a:cubicBezTo>
                    <a:close/>
                  </a:path>
                </a:pathLst>
              </a:custGeom>
              <a:solidFill>
                <a:schemeClr val="tx2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40" name="Free Form 6">
                <a:extLst>
                  <a:ext uri="{FF2B5EF4-FFF2-40B4-BE49-F238E27FC236}">
                    <a16:creationId xmlns:a16="http://schemas.microsoft.com/office/drawing/2014/main" id="{BCEFFC6A-BBBA-D8E4-137E-AE8DE25979A7}"/>
                  </a:ext>
                </a:extLst>
              </p:cNvPr>
              <p:cNvSpPr/>
              <p:nvPr/>
            </p:nvSpPr>
            <p:spPr>
              <a:xfrm>
                <a:off x="9010791" y="6667209"/>
                <a:ext cx="682977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1848" y="538491"/>
                      <a:pt x="666044" y="554295"/>
                      <a:pt x="646853" y="554295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41" name="Free Form 7">
                <a:extLst>
                  <a:ext uri="{FF2B5EF4-FFF2-40B4-BE49-F238E27FC236}">
                    <a16:creationId xmlns:a16="http://schemas.microsoft.com/office/drawing/2014/main" id="{C056D12C-37E5-6C70-9393-7634553B9CB5}"/>
                  </a:ext>
                </a:extLst>
              </p:cNvPr>
              <p:cNvSpPr/>
              <p:nvPr/>
            </p:nvSpPr>
            <p:spPr>
              <a:xfrm>
                <a:off x="9010791" y="7473242"/>
                <a:ext cx="682977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1848" y="538491"/>
                      <a:pt x="666044" y="554284"/>
                      <a:pt x="646853" y="554284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42" name="Free Form 8">
                <a:extLst>
                  <a:ext uri="{FF2B5EF4-FFF2-40B4-BE49-F238E27FC236}">
                    <a16:creationId xmlns:a16="http://schemas.microsoft.com/office/drawing/2014/main" id="{4B38F680-AA8B-503E-A12A-921C4F28D4EB}"/>
                  </a:ext>
                </a:extLst>
              </p:cNvPr>
              <p:cNvSpPr/>
              <p:nvPr/>
            </p:nvSpPr>
            <p:spPr>
              <a:xfrm>
                <a:off x="8061388" y="6667209"/>
                <a:ext cx="682978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64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15" y="0"/>
                      <a:pt x="36124" y="0"/>
                    </a:cubicBezTo>
                    <a:lnTo>
                      <a:pt x="646864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2977" y="538491"/>
                      <a:pt x="667184" y="554295"/>
                      <a:pt x="646864" y="554295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43" name="Free Form 9">
                <a:extLst>
                  <a:ext uri="{FF2B5EF4-FFF2-40B4-BE49-F238E27FC236}">
                    <a16:creationId xmlns:a16="http://schemas.microsoft.com/office/drawing/2014/main" id="{D8263B44-EBF6-02AE-FEDE-AEA66D60DBAC}"/>
                  </a:ext>
                </a:extLst>
              </p:cNvPr>
              <p:cNvSpPr/>
              <p:nvPr/>
            </p:nvSpPr>
            <p:spPr>
              <a:xfrm>
                <a:off x="8061388" y="7473242"/>
                <a:ext cx="682978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64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15" y="0"/>
                      <a:pt x="36124" y="0"/>
                    </a:cubicBezTo>
                    <a:lnTo>
                      <a:pt x="646864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2977" y="538491"/>
                      <a:pt x="667184" y="554284"/>
                      <a:pt x="646864" y="554284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44" name="Free Form 10">
                <a:extLst>
                  <a:ext uri="{FF2B5EF4-FFF2-40B4-BE49-F238E27FC236}">
                    <a16:creationId xmlns:a16="http://schemas.microsoft.com/office/drawing/2014/main" id="{6B06FF21-8784-E00F-804B-0E47315C3D49}"/>
                  </a:ext>
                </a:extLst>
              </p:cNvPr>
              <p:cNvSpPr/>
              <p:nvPr/>
            </p:nvSpPr>
            <p:spPr>
              <a:xfrm>
                <a:off x="3321191" y="6667209"/>
                <a:ext cx="682977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1848" y="538491"/>
                      <a:pt x="666044" y="554295"/>
                      <a:pt x="646853" y="554295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45" name="Free Form 11">
                <a:extLst>
                  <a:ext uri="{FF2B5EF4-FFF2-40B4-BE49-F238E27FC236}">
                    <a16:creationId xmlns:a16="http://schemas.microsoft.com/office/drawing/2014/main" id="{61FAFF80-875A-2DD0-4E76-DC449EBA0C38}"/>
                  </a:ext>
                </a:extLst>
              </p:cNvPr>
              <p:cNvSpPr/>
              <p:nvPr/>
            </p:nvSpPr>
            <p:spPr>
              <a:xfrm>
                <a:off x="3321191" y="7473242"/>
                <a:ext cx="682977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1848" y="538491"/>
                      <a:pt x="666044" y="554284"/>
                      <a:pt x="646853" y="554284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46" name="Free Form 12">
                <a:extLst>
                  <a:ext uri="{FF2B5EF4-FFF2-40B4-BE49-F238E27FC236}">
                    <a16:creationId xmlns:a16="http://schemas.microsoft.com/office/drawing/2014/main" id="{5731EEF3-BB1C-B176-1944-824C4139FAE4}"/>
                  </a:ext>
                </a:extLst>
              </p:cNvPr>
              <p:cNvSpPr/>
              <p:nvPr/>
            </p:nvSpPr>
            <p:spPr>
              <a:xfrm>
                <a:off x="2371794" y="6667209"/>
                <a:ext cx="682978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2977" y="538491"/>
                      <a:pt x="667173" y="554295"/>
                      <a:pt x="646853" y="554295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47" name="Free Form 13">
                <a:extLst>
                  <a:ext uri="{FF2B5EF4-FFF2-40B4-BE49-F238E27FC236}">
                    <a16:creationId xmlns:a16="http://schemas.microsoft.com/office/drawing/2014/main" id="{15DF098F-7BFA-F42E-DDA1-16C053B050D0}"/>
                  </a:ext>
                </a:extLst>
              </p:cNvPr>
              <p:cNvSpPr/>
              <p:nvPr/>
            </p:nvSpPr>
            <p:spPr>
              <a:xfrm>
                <a:off x="2371794" y="7473242"/>
                <a:ext cx="682978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2977" y="538491"/>
                      <a:pt x="667173" y="554284"/>
                      <a:pt x="646853" y="554284"/>
                    </a:cubicBezTo>
                    <a:close/>
                  </a:path>
                </a:pathLst>
              </a:custGeom>
              <a:solidFill>
                <a:schemeClr val="bg1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48" name="Free Form 14">
                <a:extLst>
                  <a:ext uri="{FF2B5EF4-FFF2-40B4-BE49-F238E27FC236}">
                    <a16:creationId xmlns:a16="http://schemas.microsoft.com/office/drawing/2014/main" id="{EF5F84B8-EFED-6B88-AB27-6ED03AFEE5EE}"/>
                  </a:ext>
                </a:extLst>
              </p:cNvPr>
              <p:cNvSpPr/>
              <p:nvPr/>
            </p:nvSpPr>
            <p:spPr>
              <a:xfrm>
                <a:off x="1227099" y="9595557"/>
                <a:ext cx="9723121" cy="428978"/>
              </a:xfrm>
              <a:custGeom>
                <a:avLst/>
                <a:gdLst/>
                <a:ahLst/>
                <a:cxnLst/>
                <a:rect l="0" t="0" r="0" b="0"/>
                <a:pathLst>
                  <a:path w="9723120" h="428977">
                    <a:moveTo>
                      <a:pt x="9675706" y="428977"/>
                    </a:moveTo>
                    <a:lnTo>
                      <a:pt x="25964" y="428977"/>
                    </a:lnTo>
                    <a:cubicBezTo>
                      <a:pt x="0" y="428977"/>
                      <a:pt x="25964" y="407528"/>
                      <a:pt x="25964" y="381564"/>
                    </a:cubicBezTo>
                    <a:lnTo>
                      <a:pt x="25964" y="47413"/>
                    </a:lnTo>
                    <a:cubicBezTo>
                      <a:pt x="25964" y="21437"/>
                      <a:pt x="0" y="0"/>
                      <a:pt x="25964" y="0"/>
                    </a:cubicBezTo>
                    <a:lnTo>
                      <a:pt x="9675706" y="0"/>
                    </a:lnTo>
                    <a:cubicBezTo>
                      <a:pt x="9701671" y="0"/>
                      <a:pt x="9723120" y="21437"/>
                      <a:pt x="9723120" y="47413"/>
                    </a:cubicBezTo>
                    <a:lnTo>
                      <a:pt x="9723120" y="381564"/>
                    </a:lnTo>
                    <a:cubicBezTo>
                      <a:pt x="9723120" y="407528"/>
                      <a:pt x="9701671" y="428977"/>
                      <a:pt x="9675706" y="428977"/>
                    </a:cubicBezTo>
                    <a:close/>
                  </a:path>
                </a:pathLst>
              </a:custGeom>
              <a:solidFill>
                <a:schemeClr val="tx2"/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 dirty="0"/>
              </a:p>
            </p:txBody>
          </p:sp>
        </p:grpSp>
      </p:grpSp>
      <p:grpSp>
        <p:nvGrpSpPr>
          <p:cNvPr id="61" name="Group 60">
            <a:extLst>
              <a:ext uri="{FF2B5EF4-FFF2-40B4-BE49-F238E27FC236}">
                <a16:creationId xmlns:a16="http://schemas.microsoft.com/office/drawing/2014/main" id="{AECE5118-420E-90EB-D2FF-007EC896FE30}"/>
              </a:ext>
            </a:extLst>
          </p:cNvPr>
          <p:cNvGrpSpPr/>
          <p:nvPr/>
        </p:nvGrpSpPr>
        <p:grpSpPr>
          <a:xfrm>
            <a:off x="7591302" y="4295626"/>
            <a:ext cx="1824547" cy="629285"/>
            <a:chOff x="5963774" y="4559763"/>
            <a:chExt cx="1824547" cy="629285"/>
          </a:xfrm>
        </p:grpSpPr>
        <p:grpSp>
          <p:nvGrpSpPr>
            <p:cNvPr id="62" name="Group 2">
              <a:extLst>
                <a:ext uri="{FF2B5EF4-FFF2-40B4-BE49-F238E27FC236}">
                  <a16:creationId xmlns:a16="http://schemas.microsoft.com/office/drawing/2014/main" id="{EC7EFBF0-4BA3-FBE4-EF04-1F2AF5F9B0B1}"/>
                </a:ext>
              </a:extLst>
            </p:cNvPr>
            <p:cNvGrpSpPr/>
            <p:nvPr/>
          </p:nvGrpSpPr>
          <p:grpSpPr>
            <a:xfrm>
              <a:off x="5963774" y="4561493"/>
              <a:ext cx="768456" cy="627555"/>
              <a:chOff x="1227099" y="2167452"/>
              <a:chExt cx="9723121" cy="7857083"/>
            </a:xfrm>
            <a:noFill/>
          </p:grpSpPr>
          <p:sp>
            <p:nvSpPr>
              <p:cNvPr id="76" name="Free Form 3">
                <a:extLst>
                  <a:ext uri="{FF2B5EF4-FFF2-40B4-BE49-F238E27FC236}">
                    <a16:creationId xmlns:a16="http://schemas.microsoft.com/office/drawing/2014/main" id="{17CC4949-F40D-2E3D-751F-1CF310D50D04}"/>
                  </a:ext>
                </a:extLst>
              </p:cNvPr>
              <p:cNvSpPr/>
              <p:nvPr/>
            </p:nvSpPr>
            <p:spPr>
              <a:xfrm>
                <a:off x="1645907" y="2167452"/>
                <a:ext cx="8818876" cy="7854804"/>
              </a:xfrm>
              <a:custGeom>
                <a:avLst/>
                <a:gdLst/>
                <a:ahLst/>
                <a:cxnLst/>
                <a:rect l="0" t="0" r="0" b="0"/>
                <a:pathLst>
                  <a:path w="8818880" h="7854808">
                    <a:moveTo>
                      <a:pt x="8711635" y="3025422"/>
                    </a:moveTo>
                    <a:lnTo>
                      <a:pt x="6856871" y="3025422"/>
                    </a:lnTo>
                    <a:cubicBezTo>
                      <a:pt x="6797040" y="3025422"/>
                      <a:pt x="6749626" y="2976880"/>
                      <a:pt x="6749626" y="2918177"/>
                    </a:cubicBezTo>
                    <a:lnTo>
                      <a:pt x="6749626" y="107244"/>
                    </a:lnTo>
                    <a:cubicBezTo>
                      <a:pt x="6749626" y="47413"/>
                      <a:pt x="6701084" y="0"/>
                      <a:pt x="6642382" y="0"/>
                    </a:cubicBezTo>
                    <a:lnTo>
                      <a:pt x="6635608" y="0"/>
                    </a:lnTo>
                    <a:lnTo>
                      <a:pt x="2184400" y="0"/>
                    </a:lnTo>
                    <a:lnTo>
                      <a:pt x="2177626" y="0"/>
                    </a:lnTo>
                    <a:cubicBezTo>
                      <a:pt x="2117795" y="0"/>
                      <a:pt x="2070382" y="48542"/>
                      <a:pt x="2070382" y="107244"/>
                    </a:cubicBezTo>
                    <a:lnTo>
                      <a:pt x="2070382" y="2918177"/>
                    </a:lnTo>
                    <a:cubicBezTo>
                      <a:pt x="2070382" y="2978008"/>
                      <a:pt x="2021840" y="3025422"/>
                      <a:pt x="1963137" y="3025422"/>
                    </a:cubicBezTo>
                    <a:lnTo>
                      <a:pt x="107244" y="3025422"/>
                    </a:lnTo>
                    <a:cubicBezTo>
                      <a:pt x="47413" y="3025422"/>
                      <a:pt x="0" y="3073964"/>
                      <a:pt x="0" y="3132666"/>
                    </a:cubicBezTo>
                    <a:lnTo>
                      <a:pt x="0" y="7747564"/>
                    </a:lnTo>
                    <a:cubicBezTo>
                      <a:pt x="0" y="7807395"/>
                      <a:pt x="48542" y="7854808"/>
                      <a:pt x="107244" y="7854808"/>
                    </a:cubicBezTo>
                    <a:lnTo>
                      <a:pt x="2184400" y="7854808"/>
                    </a:lnTo>
                    <a:lnTo>
                      <a:pt x="6633351" y="7854808"/>
                    </a:lnTo>
                    <a:lnTo>
                      <a:pt x="8710506" y="7854808"/>
                    </a:lnTo>
                    <a:cubicBezTo>
                      <a:pt x="8770337" y="7854808"/>
                      <a:pt x="8817751" y="7806266"/>
                      <a:pt x="8817751" y="7747564"/>
                    </a:cubicBezTo>
                    <a:lnTo>
                      <a:pt x="8817751" y="3133795"/>
                    </a:lnTo>
                    <a:cubicBezTo>
                      <a:pt x="8818880" y="3073964"/>
                      <a:pt x="8770337" y="3025422"/>
                      <a:pt x="8711635" y="3025422"/>
                    </a:cubicBezTo>
                    <a:close/>
                  </a:path>
                </a:pathLst>
              </a:custGeom>
              <a:solidFill>
                <a:srgbClr val="083370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77" name="Free Form 4">
                <a:extLst>
                  <a:ext uri="{FF2B5EF4-FFF2-40B4-BE49-F238E27FC236}">
                    <a16:creationId xmlns:a16="http://schemas.microsoft.com/office/drawing/2014/main" id="{08D4AA15-C80B-B151-434A-8B854A64AD8B}"/>
                  </a:ext>
                </a:extLst>
              </p:cNvPr>
              <p:cNvSpPr/>
              <p:nvPr/>
            </p:nvSpPr>
            <p:spPr>
              <a:xfrm>
                <a:off x="5235788" y="3535677"/>
                <a:ext cx="1693334" cy="1693334"/>
              </a:xfrm>
              <a:custGeom>
                <a:avLst/>
                <a:gdLst/>
                <a:ahLst/>
                <a:cxnLst/>
                <a:rect l="0" t="0" r="0" b="0"/>
                <a:pathLst>
                  <a:path w="1693333" h="1693333">
                    <a:moveTo>
                      <a:pt x="1663982" y="570088"/>
                    </a:moveTo>
                    <a:lnTo>
                      <a:pt x="1152595" y="570088"/>
                    </a:lnTo>
                    <a:cubicBezTo>
                      <a:pt x="1136791" y="570088"/>
                      <a:pt x="1123244" y="556542"/>
                      <a:pt x="1123244" y="540737"/>
                    </a:cubicBezTo>
                    <a:lnTo>
                      <a:pt x="1123244" y="29351"/>
                    </a:lnTo>
                    <a:cubicBezTo>
                      <a:pt x="1123244" y="13546"/>
                      <a:pt x="1109686" y="0"/>
                      <a:pt x="1093893" y="0"/>
                    </a:cubicBezTo>
                    <a:lnTo>
                      <a:pt x="599440" y="0"/>
                    </a:lnTo>
                    <a:cubicBezTo>
                      <a:pt x="583635" y="0"/>
                      <a:pt x="570088" y="13546"/>
                      <a:pt x="570088" y="29351"/>
                    </a:cubicBezTo>
                    <a:lnTo>
                      <a:pt x="570088" y="540737"/>
                    </a:lnTo>
                    <a:cubicBezTo>
                      <a:pt x="570088" y="556542"/>
                      <a:pt x="556542" y="570088"/>
                      <a:pt x="540737" y="570088"/>
                    </a:cubicBezTo>
                    <a:lnTo>
                      <a:pt x="29351" y="570088"/>
                    </a:lnTo>
                    <a:cubicBezTo>
                      <a:pt x="13546" y="570088"/>
                      <a:pt x="0" y="583635"/>
                      <a:pt x="0" y="599440"/>
                    </a:cubicBezTo>
                    <a:lnTo>
                      <a:pt x="0" y="1093893"/>
                    </a:lnTo>
                    <a:cubicBezTo>
                      <a:pt x="0" y="1109697"/>
                      <a:pt x="13546" y="1123244"/>
                      <a:pt x="29351" y="1123244"/>
                    </a:cubicBezTo>
                    <a:lnTo>
                      <a:pt x="540737" y="1123244"/>
                    </a:lnTo>
                    <a:cubicBezTo>
                      <a:pt x="556542" y="1123244"/>
                      <a:pt x="570088" y="1136791"/>
                      <a:pt x="570088" y="1152595"/>
                    </a:cubicBezTo>
                    <a:lnTo>
                      <a:pt x="570088" y="1663982"/>
                    </a:lnTo>
                    <a:cubicBezTo>
                      <a:pt x="570088" y="1679786"/>
                      <a:pt x="583635" y="1693333"/>
                      <a:pt x="599440" y="1693333"/>
                    </a:cubicBezTo>
                    <a:lnTo>
                      <a:pt x="1093893" y="1693333"/>
                    </a:lnTo>
                    <a:cubicBezTo>
                      <a:pt x="1109686" y="1693333"/>
                      <a:pt x="1123244" y="1679786"/>
                      <a:pt x="1123244" y="1663982"/>
                    </a:cubicBezTo>
                    <a:lnTo>
                      <a:pt x="1123244" y="1152595"/>
                    </a:lnTo>
                    <a:cubicBezTo>
                      <a:pt x="1123244" y="1136791"/>
                      <a:pt x="1136791" y="1123244"/>
                      <a:pt x="1152595" y="1123244"/>
                    </a:cubicBezTo>
                    <a:lnTo>
                      <a:pt x="1663982" y="1123244"/>
                    </a:lnTo>
                    <a:cubicBezTo>
                      <a:pt x="1679775" y="1123244"/>
                      <a:pt x="1693333" y="1109697"/>
                      <a:pt x="1693333" y="1093893"/>
                    </a:cubicBezTo>
                    <a:lnTo>
                      <a:pt x="1693333" y="599440"/>
                    </a:lnTo>
                    <a:cubicBezTo>
                      <a:pt x="1693333" y="583635"/>
                      <a:pt x="1679775" y="570088"/>
                      <a:pt x="1663982" y="570088"/>
                    </a:cubicBezTo>
                    <a:close/>
                  </a:path>
                </a:pathLst>
              </a:custGeom>
              <a:solidFill>
                <a:srgbClr val="FF8F02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78" name="Free Form 5">
                <a:extLst>
                  <a:ext uri="{FF2B5EF4-FFF2-40B4-BE49-F238E27FC236}">
                    <a16:creationId xmlns:a16="http://schemas.microsoft.com/office/drawing/2014/main" id="{03FDC0FE-2CE0-2C82-AC1C-1575B49F0C77}"/>
                  </a:ext>
                </a:extLst>
              </p:cNvPr>
              <p:cNvSpPr/>
              <p:nvPr/>
            </p:nvSpPr>
            <p:spPr>
              <a:xfrm>
                <a:off x="5528168" y="7765624"/>
                <a:ext cx="1107440" cy="2248747"/>
              </a:xfrm>
              <a:custGeom>
                <a:avLst/>
                <a:gdLst/>
                <a:ahLst/>
                <a:cxnLst/>
                <a:rect l="0" t="0" r="0" b="0"/>
                <a:pathLst>
                  <a:path w="1107440" h="2248746">
                    <a:moveTo>
                      <a:pt x="1070186" y="2248746"/>
                    </a:moveTo>
                    <a:lnTo>
                      <a:pt x="36124" y="2248746"/>
                    </a:lnTo>
                    <a:cubicBezTo>
                      <a:pt x="15804" y="2248746"/>
                      <a:pt x="0" y="2231813"/>
                      <a:pt x="0" y="2212622"/>
                    </a:cubicBezTo>
                    <a:lnTo>
                      <a:pt x="0" y="36124"/>
                    </a:lnTo>
                    <a:cubicBezTo>
                      <a:pt x="0" y="15804"/>
                      <a:pt x="16933" y="0"/>
                      <a:pt x="36124" y="0"/>
                    </a:cubicBezTo>
                    <a:lnTo>
                      <a:pt x="1070186" y="0"/>
                    </a:lnTo>
                    <a:cubicBezTo>
                      <a:pt x="1090506" y="0"/>
                      <a:pt x="1106311" y="16933"/>
                      <a:pt x="1106311" y="36124"/>
                    </a:cubicBezTo>
                    <a:lnTo>
                      <a:pt x="1106311" y="2211493"/>
                    </a:lnTo>
                    <a:cubicBezTo>
                      <a:pt x="1107440" y="2231813"/>
                      <a:pt x="1090506" y="2248746"/>
                      <a:pt x="1070186" y="2248746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79" name="Free Form 6">
                <a:extLst>
                  <a:ext uri="{FF2B5EF4-FFF2-40B4-BE49-F238E27FC236}">
                    <a16:creationId xmlns:a16="http://schemas.microsoft.com/office/drawing/2014/main" id="{77A1E73D-32A3-0108-193A-9BC0B6E1D0CC}"/>
                  </a:ext>
                </a:extLst>
              </p:cNvPr>
              <p:cNvSpPr/>
              <p:nvPr/>
            </p:nvSpPr>
            <p:spPr>
              <a:xfrm>
                <a:off x="9010791" y="6667209"/>
                <a:ext cx="682977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1848" y="538491"/>
                      <a:pt x="666044" y="554295"/>
                      <a:pt x="646853" y="554295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80" name="Free Form 7">
                <a:extLst>
                  <a:ext uri="{FF2B5EF4-FFF2-40B4-BE49-F238E27FC236}">
                    <a16:creationId xmlns:a16="http://schemas.microsoft.com/office/drawing/2014/main" id="{450E6B47-9E94-6111-8CD2-26155A0D8F5F}"/>
                  </a:ext>
                </a:extLst>
              </p:cNvPr>
              <p:cNvSpPr/>
              <p:nvPr/>
            </p:nvSpPr>
            <p:spPr>
              <a:xfrm>
                <a:off x="9010791" y="7473242"/>
                <a:ext cx="682977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1848" y="538491"/>
                      <a:pt x="666044" y="554284"/>
                      <a:pt x="646853" y="554284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81" name="Free Form 8">
                <a:extLst>
                  <a:ext uri="{FF2B5EF4-FFF2-40B4-BE49-F238E27FC236}">
                    <a16:creationId xmlns:a16="http://schemas.microsoft.com/office/drawing/2014/main" id="{DE692062-DDB3-47F3-B9A9-C691009C17D5}"/>
                  </a:ext>
                </a:extLst>
              </p:cNvPr>
              <p:cNvSpPr/>
              <p:nvPr/>
            </p:nvSpPr>
            <p:spPr>
              <a:xfrm>
                <a:off x="8061388" y="6667209"/>
                <a:ext cx="682978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64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15" y="0"/>
                      <a:pt x="36124" y="0"/>
                    </a:cubicBezTo>
                    <a:lnTo>
                      <a:pt x="646864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2977" y="538491"/>
                      <a:pt x="667184" y="554295"/>
                      <a:pt x="646864" y="554295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82" name="Free Form 9">
                <a:extLst>
                  <a:ext uri="{FF2B5EF4-FFF2-40B4-BE49-F238E27FC236}">
                    <a16:creationId xmlns:a16="http://schemas.microsoft.com/office/drawing/2014/main" id="{2363A20E-225D-B366-F709-324A877BB8C5}"/>
                  </a:ext>
                </a:extLst>
              </p:cNvPr>
              <p:cNvSpPr/>
              <p:nvPr/>
            </p:nvSpPr>
            <p:spPr>
              <a:xfrm>
                <a:off x="8061388" y="7473242"/>
                <a:ext cx="682978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64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15" y="0"/>
                      <a:pt x="36124" y="0"/>
                    </a:cubicBezTo>
                    <a:lnTo>
                      <a:pt x="646864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2977" y="538491"/>
                      <a:pt x="667184" y="554284"/>
                      <a:pt x="646864" y="554284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83" name="Free Form 10">
                <a:extLst>
                  <a:ext uri="{FF2B5EF4-FFF2-40B4-BE49-F238E27FC236}">
                    <a16:creationId xmlns:a16="http://schemas.microsoft.com/office/drawing/2014/main" id="{D0FA3E11-C7FD-57CE-DBDD-A859D8D54BEB}"/>
                  </a:ext>
                </a:extLst>
              </p:cNvPr>
              <p:cNvSpPr/>
              <p:nvPr/>
            </p:nvSpPr>
            <p:spPr>
              <a:xfrm>
                <a:off x="3321191" y="6667209"/>
                <a:ext cx="682977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1848" y="538491"/>
                      <a:pt x="666044" y="554295"/>
                      <a:pt x="646853" y="554295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84" name="Free Form 11">
                <a:extLst>
                  <a:ext uri="{FF2B5EF4-FFF2-40B4-BE49-F238E27FC236}">
                    <a16:creationId xmlns:a16="http://schemas.microsoft.com/office/drawing/2014/main" id="{FAF1EC07-961D-4466-1B75-93389A0F749B}"/>
                  </a:ext>
                </a:extLst>
              </p:cNvPr>
              <p:cNvSpPr/>
              <p:nvPr/>
            </p:nvSpPr>
            <p:spPr>
              <a:xfrm>
                <a:off x="3321191" y="7473242"/>
                <a:ext cx="682977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1848" y="538491"/>
                      <a:pt x="666044" y="554284"/>
                      <a:pt x="646853" y="554284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85" name="Free Form 12">
                <a:extLst>
                  <a:ext uri="{FF2B5EF4-FFF2-40B4-BE49-F238E27FC236}">
                    <a16:creationId xmlns:a16="http://schemas.microsoft.com/office/drawing/2014/main" id="{3594B16E-D29B-59C4-29D6-7DB81C619419}"/>
                  </a:ext>
                </a:extLst>
              </p:cNvPr>
              <p:cNvSpPr/>
              <p:nvPr/>
            </p:nvSpPr>
            <p:spPr>
              <a:xfrm>
                <a:off x="2371794" y="6667209"/>
                <a:ext cx="682978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2977" y="538491"/>
                      <a:pt x="667173" y="554295"/>
                      <a:pt x="646853" y="554295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86" name="Free Form 13">
                <a:extLst>
                  <a:ext uri="{FF2B5EF4-FFF2-40B4-BE49-F238E27FC236}">
                    <a16:creationId xmlns:a16="http://schemas.microsoft.com/office/drawing/2014/main" id="{244C240D-B06B-F9C3-5A7D-6CAE82C0EC8E}"/>
                  </a:ext>
                </a:extLst>
              </p:cNvPr>
              <p:cNvSpPr/>
              <p:nvPr/>
            </p:nvSpPr>
            <p:spPr>
              <a:xfrm>
                <a:off x="2371794" y="7473242"/>
                <a:ext cx="682978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2977" y="538491"/>
                      <a:pt x="667173" y="554284"/>
                      <a:pt x="646853" y="554284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87" name="Free Form 14">
                <a:extLst>
                  <a:ext uri="{FF2B5EF4-FFF2-40B4-BE49-F238E27FC236}">
                    <a16:creationId xmlns:a16="http://schemas.microsoft.com/office/drawing/2014/main" id="{7B30C65E-9245-E6A0-85E2-759BABAAF9DC}"/>
                  </a:ext>
                </a:extLst>
              </p:cNvPr>
              <p:cNvSpPr/>
              <p:nvPr/>
            </p:nvSpPr>
            <p:spPr>
              <a:xfrm>
                <a:off x="1227099" y="9595557"/>
                <a:ext cx="9723121" cy="428978"/>
              </a:xfrm>
              <a:custGeom>
                <a:avLst/>
                <a:gdLst/>
                <a:ahLst/>
                <a:cxnLst/>
                <a:rect l="0" t="0" r="0" b="0"/>
                <a:pathLst>
                  <a:path w="9723120" h="428977">
                    <a:moveTo>
                      <a:pt x="9675706" y="428977"/>
                    </a:moveTo>
                    <a:lnTo>
                      <a:pt x="25964" y="428977"/>
                    </a:lnTo>
                    <a:cubicBezTo>
                      <a:pt x="0" y="428977"/>
                      <a:pt x="25964" y="407528"/>
                      <a:pt x="25964" y="381564"/>
                    </a:cubicBezTo>
                    <a:lnTo>
                      <a:pt x="25964" y="47413"/>
                    </a:lnTo>
                    <a:cubicBezTo>
                      <a:pt x="25964" y="21437"/>
                      <a:pt x="0" y="0"/>
                      <a:pt x="25964" y="0"/>
                    </a:cubicBezTo>
                    <a:lnTo>
                      <a:pt x="9675706" y="0"/>
                    </a:lnTo>
                    <a:cubicBezTo>
                      <a:pt x="9701671" y="0"/>
                      <a:pt x="9723120" y="21437"/>
                      <a:pt x="9723120" y="47413"/>
                    </a:cubicBezTo>
                    <a:lnTo>
                      <a:pt x="9723120" y="381564"/>
                    </a:lnTo>
                    <a:cubicBezTo>
                      <a:pt x="9723120" y="407528"/>
                      <a:pt x="9701671" y="428977"/>
                      <a:pt x="9675706" y="428977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</p:grpSp>
        <p:grpSp>
          <p:nvGrpSpPr>
            <p:cNvPr id="63" name="Group 2">
              <a:extLst>
                <a:ext uri="{FF2B5EF4-FFF2-40B4-BE49-F238E27FC236}">
                  <a16:creationId xmlns:a16="http://schemas.microsoft.com/office/drawing/2014/main" id="{5050297E-DB57-F10E-5C44-2DEF52BABF66}"/>
                </a:ext>
              </a:extLst>
            </p:cNvPr>
            <p:cNvGrpSpPr/>
            <p:nvPr/>
          </p:nvGrpSpPr>
          <p:grpSpPr>
            <a:xfrm>
              <a:off x="7019865" y="4559763"/>
              <a:ext cx="768456" cy="627555"/>
              <a:chOff x="1227099" y="2167452"/>
              <a:chExt cx="9723121" cy="7857083"/>
            </a:xfrm>
            <a:noFill/>
          </p:grpSpPr>
          <p:sp>
            <p:nvSpPr>
              <p:cNvPr id="64" name="Free Form 3">
                <a:extLst>
                  <a:ext uri="{FF2B5EF4-FFF2-40B4-BE49-F238E27FC236}">
                    <a16:creationId xmlns:a16="http://schemas.microsoft.com/office/drawing/2014/main" id="{58B3F2DD-55E6-0033-6D08-C2FFD5A656C8}"/>
                  </a:ext>
                </a:extLst>
              </p:cNvPr>
              <p:cNvSpPr/>
              <p:nvPr/>
            </p:nvSpPr>
            <p:spPr>
              <a:xfrm>
                <a:off x="1645907" y="2167452"/>
                <a:ext cx="8818876" cy="7854804"/>
              </a:xfrm>
              <a:custGeom>
                <a:avLst/>
                <a:gdLst/>
                <a:ahLst/>
                <a:cxnLst/>
                <a:rect l="0" t="0" r="0" b="0"/>
                <a:pathLst>
                  <a:path w="8818880" h="7854808">
                    <a:moveTo>
                      <a:pt x="8711635" y="3025422"/>
                    </a:moveTo>
                    <a:lnTo>
                      <a:pt x="6856871" y="3025422"/>
                    </a:lnTo>
                    <a:cubicBezTo>
                      <a:pt x="6797040" y="3025422"/>
                      <a:pt x="6749626" y="2976880"/>
                      <a:pt x="6749626" y="2918177"/>
                    </a:cubicBezTo>
                    <a:lnTo>
                      <a:pt x="6749626" y="107244"/>
                    </a:lnTo>
                    <a:cubicBezTo>
                      <a:pt x="6749626" y="47413"/>
                      <a:pt x="6701084" y="0"/>
                      <a:pt x="6642382" y="0"/>
                    </a:cubicBezTo>
                    <a:lnTo>
                      <a:pt x="6635608" y="0"/>
                    </a:lnTo>
                    <a:lnTo>
                      <a:pt x="2184400" y="0"/>
                    </a:lnTo>
                    <a:lnTo>
                      <a:pt x="2177626" y="0"/>
                    </a:lnTo>
                    <a:cubicBezTo>
                      <a:pt x="2117795" y="0"/>
                      <a:pt x="2070382" y="48542"/>
                      <a:pt x="2070382" y="107244"/>
                    </a:cubicBezTo>
                    <a:lnTo>
                      <a:pt x="2070382" y="2918177"/>
                    </a:lnTo>
                    <a:cubicBezTo>
                      <a:pt x="2070382" y="2978008"/>
                      <a:pt x="2021840" y="3025422"/>
                      <a:pt x="1963137" y="3025422"/>
                    </a:cubicBezTo>
                    <a:lnTo>
                      <a:pt x="107244" y="3025422"/>
                    </a:lnTo>
                    <a:cubicBezTo>
                      <a:pt x="47413" y="3025422"/>
                      <a:pt x="0" y="3073964"/>
                      <a:pt x="0" y="3132666"/>
                    </a:cubicBezTo>
                    <a:lnTo>
                      <a:pt x="0" y="7747564"/>
                    </a:lnTo>
                    <a:cubicBezTo>
                      <a:pt x="0" y="7807395"/>
                      <a:pt x="48542" y="7854808"/>
                      <a:pt x="107244" y="7854808"/>
                    </a:cubicBezTo>
                    <a:lnTo>
                      <a:pt x="2184400" y="7854808"/>
                    </a:lnTo>
                    <a:lnTo>
                      <a:pt x="6633351" y="7854808"/>
                    </a:lnTo>
                    <a:lnTo>
                      <a:pt x="8710506" y="7854808"/>
                    </a:lnTo>
                    <a:cubicBezTo>
                      <a:pt x="8770337" y="7854808"/>
                      <a:pt x="8817751" y="7806266"/>
                      <a:pt x="8817751" y="7747564"/>
                    </a:cubicBezTo>
                    <a:lnTo>
                      <a:pt x="8817751" y="3133795"/>
                    </a:lnTo>
                    <a:cubicBezTo>
                      <a:pt x="8818880" y="3073964"/>
                      <a:pt x="8770337" y="3025422"/>
                      <a:pt x="8711635" y="3025422"/>
                    </a:cubicBezTo>
                    <a:close/>
                  </a:path>
                </a:pathLst>
              </a:custGeom>
              <a:solidFill>
                <a:srgbClr val="083370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65" name="Free Form 4">
                <a:extLst>
                  <a:ext uri="{FF2B5EF4-FFF2-40B4-BE49-F238E27FC236}">
                    <a16:creationId xmlns:a16="http://schemas.microsoft.com/office/drawing/2014/main" id="{F450F387-4D7C-A829-A4A7-0F3526E5A408}"/>
                  </a:ext>
                </a:extLst>
              </p:cNvPr>
              <p:cNvSpPr/>
              <p:nvPr/>
            </p:nvSpPr>
            <p:spPr>
              <a:xfrm>
                <a:off x="5235788" y="3535677"/>
                <a:ext cx="1693334" cy="1693334"/>
              </a:xfrm>
              <a:custGeom>
                <a:avLst/>
                <a:gdLst/>
                <a:ahLst/>
                <a:cxnLst/>
                <a:rect l="0" t="0" r="0" b="0"/>
                <a:pathLst>
                  <a:path w="1693333" h="1693333">
                    <a:moveTo>
                      <a:pt x="1663982" y="570088"/>
                    </a:moveTo>
                    <a:lnTo>
                      <a:pt x="1152595" y="570088"/>
                    </a:lnTo>
                    <a:cubicBezTo>
                      <a:pt x="1136791" y="570088"/>
                      <a:pt x="1123244" y="556542"/>
                      <a:pt x="1123244" y="540737"/>
                    </a:cubicBezTo>
                    <a:lnTo>
                      <a:pt x="1123244" y="29351"/>
                    </a:lnTo>
                    <a:cubicBezTo>
                      <a:pt x="1123244" y="13546"/>
                      <a:pt x="1109686" y="0"/>
                      <a:pt x="1093893" y="0"/>
                    </a:cubicBezTo>
                    <a:lnTo>
                      <a:pt x="599440" y="0"/>
                    </a:lnTo>
                    <a:cubicBezTo>
                      <a:pt x="583635" y="0"/>
                      <a:pt x="570088" y="13546"/>
                      <a:pt x="570088" y="29351"/>
                    </a:cubicBezTo>
                    <a:lnTo>
                      <a:pt x="570088" y="540737"/>
                    </a:lnTo>
                    <a:cubicBezTo>
                      <a:pt x="570088" y="556542"/>
                      <a:pt x="556542" y="570088"/>
                      <a:pt x="540737" y="570088"/>
                    </a:cubicBezTo>
                    <a:lnTo>
                      <a:pt x="29351" y="570088"/>
                    </a:lnTo>
                    <a:cubicBezTo>
                      <a:pt x="13546" y="570088"/>
                      <a:pt x="0" y="583635"/>
                      <a:pt x="0" y="599440"/>
                    </a:cubicBezTo>
                    <a:lnTo>
                      <a:pt x="0" y="1093893"/>
                    </a:lnTo>
                    <a:cubicBezTo>
                      <a:pt x="0" y="1109697"/>
                      <a:pt x="13546" y="1123244"/>
                      <a:pt x="29351" y="1123244"/>
                    </a:cubicBezTo>
                    <a:lnTo>
                      <a:pt x="540737" y="1123244"/>
                    </a:lnTo>
                    <a:cubicBezTo>
                      <a:pt x="556542" y="1123244"/>
                      <a:pt x="570088" y="1136791"/>
                      <a:pt x="570088" y="1152595"/>
                    </a:cubicBezTo>
                    <a:lnTo>
                      <a:pt x="570088" y="1663982"/>
                    </a:lnTo>
                    <a:cubicBezTo>
                      <a:pt x="570088" y="1679786"/>
                      <a:pt x="583635" y="1693333"/>
                      <a:pt x="599440" y="1693333"/>
                    </a:cubicBezTo>
                    <a:lnTo>
                      <a:pt x="1093893" y="1693333"/>
                    </a:lnTo>
                    <a:cubicBezTo>
                      <a:pt x="1109686" y="1693333"/>
                      <a:pt x="1123244" y="1679786"/>
                      <a:pt x="1123244" y="1663982"/>
                    </a:cubicBezTo>
                    <a:lnTo>
                      <a:pt x="1123244" y="1152595"/>
                    </a:lnTo>
                    <a:cubicBezTo>
                      <a:pt x="1123244" y="1136791"/>
                      <a:pt x="1136791" y="1123244"/>
                      <a:pt x="1152595" y="1123244"/>
                    </a:cubicBezTo>
                    <a:lnTo>
                      <a:pt x="1663982" y="1123244"/>
                    </a:lnTo>
                    <a:cubicBezTo>
                      <a:pt x="1679775" y="1123244"/>
                      <a:pt x="1693333" y="1109697"/>
                      <a:pt x="1693333" y="1093893"/>
                    </a:cubicBezTo>
                    <a:lnTo>
                      <a:pt x="1693333" y="599440"/>
                    </a:lnTo>
                    <a:cubicBezTo>
                      <a:pt x="1693333" y="583635"/>
                      <a:pt x="1679775" y="570088"/>
                      <a:pt x="1663982" y="570088"/>
                    </a:cubicBezTo>
                    <a:close/>
                  </a:path>
                </a:pathLst>
              </a:custGeom>
              <a:solidFill>
                <a:srgbClr val="FF8F02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66" name="Free Form 5">
                <a:extLst>
                  <a:ext uri="{FF2B5EF4-FFF2-40B4-BE49-F238E27FC236}">
                    <a16:creationId xmlns:a16="http://schemas.microsoft.com/office/drawing/2014/main" id="{153BEDCC-EF38-6069-0B63-5364D947B5EB}"/>
                  </a:ext>
                </a:extLst>
              </p:cNvPr>
              <p:cNvSpPr/>
              <p:nvPr/>
            </p:nvSpPr>
            <p:spPr>
              <a:xfrm>
                <a:off x="5528168" y="7765624"/>
                <a:ext cx="1107440" cy="2248747"/>
              </a:xfrm>
              <a:custGeom>
                <a:avLst/>
                <a:gdLst/>
                <a:ahLst/>
                <a:cxnLst/>
                <a:rect l="0" t="0" r="0" b="0"/>
                <a:pathLst>
                  <a:path w="1107440" h="2248746">
                    <a:moveTo>
                      <a:pt x="1070186" y="2248746"/>
                    </a:moveTo>
                    <a:lnTo>
                      <a:pt x="36124" y="2248746"/>
                    </a:lnTo>
                    <a:cubicBezTo>
                      <a:pt x="15804" y="2248746"/>
                      <a:pt x="0" y="2231813"/>
                      <a:pt x="0" y="2212622"/>
                    </a:cubicBezTo>
                    <a:lnTo>
                      <a:pt x="0" y="36124"/>
                    </a:lnTo>
                    <a:cubicBezTo>
                      <a:pt x="0" y="15804"/>
                      <a:pt x="16933" y="0"/>
                      <a:pt x="36124" y="0"/>
                    </a:cubicBezTo>
                    <a:lnTo>
                      <a:pt x="1070186" y="0"/>
                    </a:lnTo>
                    <a:cubicBezTo>
                      <a:pt x="1090506" y="0"/>
                      <a:pt x="1106311" y="16933"/>
                      <a:pt x="1106311" y="36124"/>
                    </a:cubicBezTo>
                    <a:lnTo>
                      <a:pt x="1106311" y="2211493"/>
                    </a:lnTo>
                    <a:cubicBezTo>
                      <a:pt x="1107440" y="2231813"/>
                      <a:pt x="1090506" y="2248746"/>
                      <a:pt x="1070186" y="2248746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67" name="Free Form 6">
                <a:extLst>
                  <a:ext uri="{FF2B5EF4-FFF2-40B4-BE49-F238E27FC236}">
                    <a16:creationId xmlns:a16="http://schemas.microsoft.com/office/drawing/2014/main" id="{ED050DD7-50F4-4F21-D40C-D50A15870B7C}"/>
                  </a:ext>
                </a:extLst>
              </p:cNvPr>
              <p:cNvSpPr/>
              <p:nvPr/>
            </p:nvSpPr>
            <p:spPr>
              <a:xfrm>
                <a:off x="9010791" y="6667209"/>
                <a:ext cx="682977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1848" y="538491"/>
                      <a:pt x="666044" y="554295"/>
                      <a:pt x="646853" y="554295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68" name="Free Form 7">
                <a:extLst>
                  <a:ext uri="{FF2B5EF4-FFF2-40B4-BE49-F238E27FC236}">
                    <a16:creationId xmlns:a16="http://schemas.microsoft.com/office/drawing/2014/main" id="{0C4E494A-E1DC-47CA-2D99-64ED4531AF8D}"/>
                  </a:ext>
                </a:extLst>
              </p:cNvPr>
              <p:cNvSpPr/>
              <p:nvPr/>
            </p:nvSpPr>
            <p:spPr>
              <a:xfrm>
                <a:off x="9010791" y="7473242"/>
                <a:ext cx="682977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1848" y="538491"/>
                      <a:pt x="666044" y="554284"/>
                      <a:pt x="646853" y="554284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69" name="Free Form 8">
                <a:extLst>
                  <a:ext uri="{FF2B5EF4-FFF2-40B4-BE49-F238E27FC236}">
                    <a16:creationId xmlns:a16="http://schemas.microsoft.com/office/drawing/2014/main" id="{3C35CC49-C1C6-F0B1-1438-0753AE641D8D}"/>
                  </a:ext>
                </a:extLst>
              </p:cNvPr>
              <p:cNvSpPr/>
              <p:nvPr/>
            </p:nvSpPr>
            <p:spPr>
              <a:xfrm>
                <a:off x="8061388" y="6667209"/>
                <a:ext cx="682978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64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15" y="0"/>
                      <a:pt x="36124" y="0"/>
                    </a:cubicBezTo>
                    <a:lnTo>
                      <a:pt x="646864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2977" y="538491"/>
                      <a:pt x="667184" y="554295"/>
                      <a:pt x="646864" y="554295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70" name="Free Form 9">
                <a:extLst>
                  <a:ext uri="{FF2B5EF4-FFF2-40B4-BE49-F238E27FC236}">
                    <a16:creationId xmlns:a16="http://schemas.microsoft.com/office/drawing/2014/main" id="{17875FB4-207A-45DA-BF41-90ACD2D46D11}"/>
                  </a:ext>
                </a:extLst>
              </p:cNvPr>
              <p:cNvSpPr/>
              <p:nvPr/>
            </p:nvSpPr>
            <p:spPr>
              <a:xfrm>
                <a:off x="8061388" y="7473242"/>
                <a:ext cx="682978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64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15" y="0"/>
                      <a:pt x="36124" y="0"/>
                    </a:cubicBezTo>
                    <a:lnTo>
                      <a:pt x="646864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2977" y="538491"/>
                      <a:pt x="667184" y="554284"/>
                      <a:pt x="646864" y="554284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71" name="Free Form 10">
                <a:extLst>
                  <a:ext uri="{FF2B5EF4-FFF2-40B4-BE49-F238E27FC236}">
                    <a16:creationId xmlns:a16="http://schemas.microsoft.com/office/drawing/2014/main" id="{87517B27-76E7-9141-F707-C4A7480C366D}"/>
                  </a:ext>
                </a:extLst>
              </p:cNvPr>
              <p:cNvSpPr/>
              <p:nvPr/>
            </p:nvSpPr>
            <p:spPr>
              <a:xfrm>
                <a:off x="3321191" y="6667209"/>
                <a:ext cx="682977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1848" y="538491"/>
                      <a:pt x="666044" y="554295"/>
                      <a:pt x="646853" y="554295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72" name="Free Form 11">
                <a:extLst>
                  <a:ext uri="{FF2B5EF4-FFF2-40B4-BE49-F238E27FC236}">
                    <a16:creationId xmlns:a16="http://schemas.microsoft.com/office/drawing/2014/main" id="{26587D37-E40C-30E4-7659-22B7EB67904E}"/>
                  </a:ext>
                </a:extLst>
              </p:cNvPr>
              <p:cNvSpPr/>
              <p:nvPr/>
            </p:nvSpPr>
            <p:spPr>
              <a:xfrm>
                <a:off x="3321191" y="7473242"/>
                <a:ext cx="682977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1848" y="538491"/>
                      <a:pt x="666044" y="554284"/>
                      <a:pt x="646853" y="554284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73" name="Free Form 12">
                <a:extLst>
                  <a:ext uri="{FF2B5EF4-FFF2-40B4-BE49-F238E27FC236}">
                    <a16:creationId xmlns:a16="http://schemas.microsoft.com/office/drawing/2014/main" id="{200DBBF1-BBB2-0C6A-050E-CF6DDB2C1F5A}"/>
                  </a:ext>
                </a:extLst>
              </p:cNvPr>
              <p:cNvSpPr/>
              <p:nvPr/>
            </p:nvSpPr>
            <p:spPr>
              <a:xfrm>
                <a:off x="2371794" y="6667209"/>
                <a:ext cx="682978" cy="554296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95">
                    <a:moveTo>
                      <a:pt x="646853" y="554295"/>
                    </a:moveTo>
                    <a:lnTo>
                      <a:pt x="36124" y="554295"/>
                    </a:lnTo>
                    <a:cubicBezTo>
                      <a:pt x="16933" y="554295"/>
                      <a:pt x="0" y="538491"/>
                      <a:pt x="0" y="518171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15"/>
                      <a:pt x="682977" y="36135"/>
                    </a:cubicBezTo>
                    <a:lnTo>
                      <a:pt x="682977" y="518171"/>
                    </a:lnTo>
                    <a:cubicBezTo>
                      <a:pt x="682977" y="538491"/>
                      <a:pt x="667173" y="554295"/>
                      <a:pt x="646853" y="554295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74" name="Free Form 13">
                <a:extLst>
                  <a:ext uri="{FF2B5EF4-FFF2-40B4-BE49-F238E27FC236}">
                    <a16:creationId xmlns:a16="http://schemas.microsoft.com/office/drawing/2014/main" id="{6B3E2B9E-7FF4-86CB-33C5-CC2479F78FEB}"/>
                  </a:ext>
                </a:extLst>
              </p:cNvPr>
              <p:cNvSpPr/>
              <p:nvPr/>
            </p:nvSpPr>
            <p:spPr>
              <a:xfrm>
                <a:off x="2371794" y="7473242"/>
                <a:ext cx="682978" cy="554284"/>
              </a:xfrm>
              <a:custGeom>
                <a:avLst/>
                <a:gdLst/>
                <a:ahLst/>
                <a:cxnLst/>
                <a:rect l="0" t="0" r="0" b="0"/>
                <a:pathLst>
                  <a:path w="682977" h="554284">
                    <a:moveTo>
                      <a:pt x="646853" y="554284"/>
                    </a:moveTo>
                    <a:lnTo>
                      <a:pt x="36124" y="554284"/>
                    </a:lnTo>
                    <a:cubicBezTo>
                      <a:pt x="16933" y="554284"/>
                      <a:pt x="0" y="538491"/>
                      <a:pt x="0" y="518160"/>
                    </a:cubicBezTo>
                    <a:lnTo>
                      <a:pt x="0" y="36135"/>
                    </a:lnTo>
                    <a:cubicBezTo>
                      <a:pt x="0" y="16933"/>
                      <a:pt x="15804" y="0"/>
                      <a:pt x="36124" y="0"/>
                    </a:cubicBezTo>
                    <a:lnTo>
                      <a:pt x="646853" y="0"/>
                    </a:lnTo>
                    <a:cubicBezTo>
                      <a:pt x="666044" y="0"/>
                      <a:pt x="682977" y="15804"/>
                      <a:pt x="682977" y="36135"/>
                    </a:cubicBezTo>
                    <a:lnTo>
                      <a:pt x="682977" y="519288"/>
                    </a:lnTo>
                    <a:cubicBezTo>
                      <a:pt x="682977" y="538491"/>
                      <a:pt x="667173" y="554284"/>
                      <a:pt x="646853" y="554284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  <p:sp>
            <p:nvSpPr>
              <p:cNvPr id="75" name="Free Form 14">
                <a:extLst>
                  <a:ext uri="{FF2B5EF4-FFF2-40B4-BE49-F238E27FC236}">
                    <a16:creationId xmlns:a16="http://schemas.microsoft.com/office/drawing/2014/main" id="{7EF7D5C7-3207-5B1B-3D9A-E02E7126A5E6}"/>
                  </a:ext>
                </a:extLst>
              </p:cNvPr>
              <p:cNvSpPr/>
              <p:nvPr/>
            </p:nvSpPr>
            <p:spPr>
              <a:xfrm>
                <a:off x="1227099" y="9595557"/>
                <a:ext cx="9723121" cy="428978"/>
              </a:xfrm>
              <a:custGeom>
                <a:avLst/>
                <a:gdLst/>
                <a:ahLst/>
                <a:cxnLst/>
                <a:rect l="0" t="0" r="0" b="0"/>
                <a:pathLst>
                  <a:path w="9723120" h="428977">
                    <a:moveTo>
                      <a:pt x="9675706" y="428977"/>
                    </a:moveTo>
                    <a:lnTo>
                      <a:pt x="25964" y="428977"/>
                    </a:lnTo>
                    <a:cubicBezTo>
                      <a:pt x="0" y="428977"/>
                      <a:pt x="25964" y="407528"/>
                      <a:pt x="25964" y="381564"/>
                    </a:cubicBezTo>
                    <a:lnTo>
                      <a:pt x="25964" y="47413"/>
                    </a:lnTo>
                    <a:cubicBezTo>
                      <a:pt x="25964" y="21437"/>
                      <a:pt x="0" y="0"/>
                      <a:pt x="25964" y="0"/>
                    </a:cubicBezTo>
                    <a:lnTo>
                      <a:pt x="9675706" y="0"/>
                    </a:lnTo>
                    <a:cubicBezTo>
                      <a:pt x="9701671" y="0"/>
                      <a:pt x="9723120" y="21437"/>
                      <a:pt x="9723120" y="47413"/>
                    </a:cubicBezTo>
                    <a:lnTo>
                      <a:pt x="9723120" y="381564"/>
                    </a:lnTo>
                    <a:cubicBezTo>
                      <a:pt x="9723120" y="407528"/>
                      <a:pt x="9701671" y="428977"/>
                      <a:pt x="9675706" y="428977"/>
                    </a:cubicBezTo>
                    <a:close/>
                  </a:path>
                </a:pathLst>
              </a:custGeom>
              <a:solidFill>
                <a:srgbClr val="2095F3">
                  <a:alpha val="100000"/>
                </a:srgbClr>
              </a:solidFill>
              <a:ln w="0" cap="flat" cmpd="sng">
                <a:noFill/>
                <a:prstDash val="solid"/>
                <a:miter lim="800000"/>
              </a:ln>
            </p:spPr>
            <p:txBody>
              <a:bodyPr anchor="ctr">
                <a:spAutoFit/>
              </a:bodyPr>
              <a:lstStyle/>
              <a:p>
                <a:pPr algn="ctr"/>
                <a:endParaRPr lang="en-US"/>
              </a:p>
            </p:txBody>
          </p:sp>
        </p:grpSp>
      </p:grpSp>
      <p:grpSp>
        <p:nvGrpSpPr>
          <p:cNvPr id="88" name="Group 87">
            <a:extLst>
              <a:ext uri="{FF2B5EF4-FFF2-40B4-BE49-F238E27FC236}">
                <a16:creationId xmlns:a16="http://schemas.microsoft.com/office/drawing/2014/main" id="{B729B9D5-DDA6-AA8C-9512-ADDF9D275E46}"/>
              </a:ext>
            </a:extLst>
          </p:cNvPr>
          <p:cNvGrpSpPr/>
          <p:nvPr/>
        </p:nvGrpSpPr>
        <p:grpSpPr>
          <a:xfrm>
            <a:off x="3967527" y="4334452"/>
            <a:ext cx="1206127" cy="659702"/>
            <a:chOff x="2357830" y="4564644"/>
            <a:chExt cx="1206127" cy="659702"/>
          </a:xfrm>
        </p:grpSpPr>
        <p:grpSp>
          <p:nvGrpSpPr>
            <p:cNvPr id="89" name="Graphic 5" descr="Medicine with solid fill">
              <a:extLst>
                <a:ext uri="{FF2B5EF4-FFF2-40B4-BE49-F238E27FC236}">
                  <a16:creationId xmlns:a16="http://schemas.microsoft.com/office/drawing/2014/main" id="{B182D22E-2450-1C39-7B9D-E066618F667B}"/>
                </a:ext>
              </a:extLst>
            </p:cNvPr>
            <p:cNvGrpSpPr/>
            <p:nvPr/>
          </p:nvGrpSpPr>
          <p:grpSpPr>
            <a:xfrm>
              <a:off x="2357830" y="4564644"/>
              <a:ext cx="459246" cy="656065"/>
              <a:chOff x="3640871" y="4811671"/>
              <a:chExt cx="459246" cy="656065"/>
            </a:xfrm>
            <a:solidFill>
              <a:srgbClr val="000000"/>
            </a:solidFill>
          </p:grpSpPr>
          <p:sp>
            <p:nvSpPr>
              <p:cNvPr id="94" name="Freeform: Shape 9">
                <a:extLst>
                  <a:ext uri="{FF2B5EF4-FFF2-40B4-BE49-F238E27FC236}">
                    <a16:creationId xmlns:a16="http://schemas.microsoft.com/office/drawing/2014/main" id="{680E4FE0-1945-FE9B-3AF8-A3EA27AD1B02}"/>
                  </a:ext>
                </a:extLst>
              </p:cNvPr>
              <p:cNvSpPr/>
              <p:nvPr/>
            </p:nvSpPr>
            <p:spPr>
              <a:xfrm>
                <a:off x="3640871" y="4811671"/>
                <a:ext cx="360836" cy="590459"/>
              </a:xfrm>
              <a:custGeom>
                <a:avLst/>
                <a:gdLst>
                  <a:gd name="connsiteX0" fmla="*/ 360836 w 360836"/>
                  <a:gd name="connsiteY0" fmla="*/ 492049 h 590459"/>
                  <a:gd name="connsiteX1" fmla="*/ 360836 w 360836"/>
                  <a:gd name="connsiteY1" fmla="*/ 426443 h 590459"/>
                  <a:gd name="connsiteX2" fmla="*/ 82008 w 360836"/>
                  <a:gd name="connsiteY2" fmla="*/ 426443 h 590459"/>
                  <a:gd name="connsiteX3" fmla="*/ 65607 w 360836"/>
                  <a:gd name="connsiteY3" fmla="*/ 410041 h 590459"/>
                  <a:gd name="connsiteX4" fmla="*/ 65607 w 360836"/>
                  <a:gd name="connsiteY4" fmla="*/ 246025 h 590459"/>
                  <a:gd name="connsiteX5" fmla="*/ 82008 w 360836"/>
                  <a:gd name="connsiteY5" fmla="*/ 229623 h 590459"/>
                  <a:gd name="connsiteX6" fmla="*/ 360836 w 360836"/>
                  <a:gd name="connsiteY6" fmla="*/ 229623 h 590459"/>
                  <a:gd name="connsiteX7" fmla="*/ 360836 w 360836"/>
                  <a:gd name="connsiteY7" fmla="*/ 164016 h 590459"/>
                  <a:gd name="connsiteX8" fmla="*/ 328033 w 360836"/>
                  <a:gd name="connsiteY8" fmla="*/ 131213 h 590459"/>
                  <a:gd name="connsiteX9" fmla="*/ 299330 w 360836"/>
                  <a:gd name="connsiteY9" fmla="*/ 131213 h 590459"/>
                  <a:gd name="connsiteX10" fmla="*/ 295230 w 360836"/>
                  <a:gd name="connsiteY10" fmla="*/ 127113 h 590459"/>
                  <a:gd name="connsiteX11" fmla="*/ 295230 w 360836"/>
                  <a:gd name="connsiteY11" fmla="*/ 102510 h 590459"/>
                  <a:gd name="connsiteX12" fmla="*/ 299330 w 360836"/>
                  <a:gd name="connsiteY12" fmla="*/ 98410 h 590459"/>
                  <a:gd name="connsiteX13" fmla="*/ 319832 w 360836"/>
                  <a:gd name="connsiteY13" fmla="*/ 98410 h 590459"/>
                  <a:gd name="connsiteX14" fmla="*/ 328033 w 360836"/>
                  <a:gd name="connsiteY14" fmla="*/ 90209 h 590459"/>
                  <a:gd name="connsiteX15" fmla="*/ 328033 w 360836"/>
                  <a:gd name="connsiteY15" fmla="*/ 32803 h 590459"/>
                  <a:gd name="connsiteX16" fmla="*/ 295230 w 360836"/>
                  <a:gd name="connsiteY16" fmla="*/ 0 h 590459"/>
                  <a:gd name="connsiteX17" fmla="*/ 65607 w 360836"/>
                  <a:gd name="connsiteY17" fmla="*/ 0 h 590459"/>
                  <a:gd name="connsiteX18" fmla="*/ 32803 w 360836"/>
                  <a:gd name="connsiteY18" fmla="*/ 32803 h 590459"/>
                  <a:gd name="connsiteX19" fmla="*/ 32803 w 360836"/>
                  <a:gd name="connsiteY19" fmla="*/ 90209 h 590459"/>
                  <a:gd name="connsiteX20" fmla="*/ 41004 w 360836"/>
                  <a:gd name="connsiteY20" fmla="*/ 98410 h 590459"/>
                  <a:gd name="connsiteX21" fmla="*/ 61506 w 360836"/>
                  <a:gd name="connsiteY21" fmla="*/ 98410 h 590459"/>
                  <a:gd name="connsiteX22" fmla="*/ 65607 w 360836"/>
                  <a:gd name="connsiteY22" fmla="*/ 102510 h 590459"/>
                  <a:gd name="connsiteX23" fmla="*/ 65607 w 360836"/>
                  <a:gd name="connsiteY23" fmla="*/ 127113 h 590459"/>
                  <a:gd name="connsiteX24" fmla="*/ 61506 w 360836"/>
                  <a:gd name="connsiteY24" fmla="*/ 131213 h 590459"/>
                  <a:gd name="connsiteX25" fmla="*/ 32803 w 360836"/>
                  <a:gd name="connsiteY25" fmla="*/ 131213 h 590459"/>
                  <a:gd name="connsiteX26" fmla="*/ 0 w 360836"/>
                  <a:gd name="connsiteY26" fmla="*/ 164016 h 590459"/>
                  <a:gd name="connsiteX27" fmla="*/ 0 w 360836"/>
                  <a:gd name="connsiteY27" fmla="*/ 557656 h 590459"/>
                  <a:gd name="connsiteX28" fmla="*/ 32803 w 360836"/>
                  <a:gd name="connsiteY28" fmla="*/ 590459 h 590459"/>
                  <a:gd name="connsiteX29" fmla="*/ 147615 w 360836"/>
                  <a:gd name="connsiteY29" fmla="*/ 590459 h 590459"/>
                  <a:gd name="connsiteX30" fmla="*/ 246025 w 360836"/>
                  <a:gd name="connsiteY30" fmla="*/ 492049 h 590459"/>
                  <a:gd name="connsiteX31" fmla="*/ 360836 w 360836"/>
                  <a:gd name="connsiteY31" fmla="*/ 492049 h 59045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  <a:cxn ang="0">
                    <a:pos x="connsiteX13" y="connsiteY13"/>
                  </a:cxn>
                  <a:cxn ang="0">
                    <a:pos x="connsiteX14" y="connsiteY14"/>
                  </a:cxn>
                  <a:cxn ang="0">
                    <a:pos x="connsiteX15" y="connsiteY15"/>
                  </a:cxn>
                  <a:cxn ang="0">
                    <a:pos x="connsiteX16" y="connsiteY16"/>
                  </a:cxn>
                  <a:cxn ang="0">
                    <a:pos x="connsiteX17" y="connsiteY17"/>
                  </a:cxn>
                  <a:cxn ang="0">
                    <a:pos x="connsiteX18" y="connsiteY18"/>
                  </a:cxn>
                  <a:cxn ang="0">
                    <a:pos x="connsiteX19" y="connsiteY19"/>
                  </a:cxn>
                  <a:cxn ang="0">
                    <a:pos x="connsiteX20" y="connsiteY20"/>
                  </a:cxn>
                  <a:cxn ang="0">
                    <a:pos x="connsiteX21" y="connsiteY21"/>
                  </a:cxn>
                  <a:cxn ang="0">
                    <a:pos x="connsiteX22" y="connsiteY22"/>
                  </a:cxn>
                  <a:cxn ang="0">
                    <a:pos x="connsiteX23" y="connsiteY23"/>
                  </a:cxn>
                  <a:cxn ang="0">
                    <a:pos x="connsiteX24" y="connsiteY24"/>
                  </a:cxn>
                  <a:cxn ang="0">
                    <a:pos x="connsiteX25" y="connsiteY25"/>
                  </a:cxn>
                  <a:cxn ang="0">
                    <a:pos x="connsiteX26" y="connsiteY26"/>
                  </a:cxn>
                  <a:cxn ang="0">
                    <a:pos x="connsiteX27" y="connsiteY27"/>
                  </a:cxn>
                  <a:cxn ang="0">
                    <a:pos x="connsiteX28" y="connsiteY28"/>
                  </a:cxn>
                  <a:cxn ang="0">
                    <a:pos x="connsiteX29" y="connsiteY29"/>
                  </a:cxn>
                  <a:cxn ang="0">
                    <a:pos x="connsiteX30" y="connsiteY30"/>
                  </a:cxn>
                  <a:cxn ang="0">
                    <a:pos x="connsiteX31" y="connsiteY31"/>
                  </a:cxn>
                </a:cxnLst>
                <a:rect l="l" t="t" r="r" b="b"/>
                <a:pathLst>
                  <a:path w="360836" h="590459">
                    <a:moveTo>
                      <a:pt x="360836" y="492049"/>
                    </a:moveTo>
                    <a:lnTo>
                      <a:pt x="360836" y="426443"/>
                    </a:lnTo>
                    <a:lnTo>
                      <a:pt x="82008" y="426443"/>
                    </a:lnTo>
                    <a:cubicBezTo>
                      <a:pt x="72987" y="426443"/>
                      <a:pt x="65607" y="419062"/>
                      <a:pt x="65607" y="410041"/>
                    </a:cubicBezTo>
                    <a:lnTo>
                      <a:pt x="65607" y="246025"/>
                    </a:lnTo>
                    <a:cubicBezTo>
                      <a:pt x="65607" y="237004"/>
                      <a:pt x="72987" y="229623"/>
                      <a:pt x="82008" y="229623"/>
                    </a:cubicBezTo>
                    <a:lnTo>
                      <a:pt x="360836" y="229623"/>
                    </a:lnTo>
                    <a:lnTo>
                      <a:pt x="360836" y="164016"/>
                    </a:lnTo>
                    <a:cubicBezTo>
                      <a:pt x="360836" y="145975"/>
                      <a:pt x="346075" y="131213"/>
                      <a:pt x="328033" y="131213"/>
                    </a:cubicBezTo>
                    <a:lnTo>
                      <a:pt x="299330" y="131213"/>
                    </a:lnTo>
                    <a:cubicBezTo>
                      <a:pt x="296870" y="131213"/>
                      <a:pt x="295230" y="129573"/>
                      <a:pt x="295230" y="127113"/>
                    </a:cubicBezTo>
                    <a:lnTo>
                      <a:pt x="295230" y="102510"/>
                    </a:lnTo>
                    <a:cubicBezTo>
                      <a:pt x="295230" y="100050"/>
                      <a:pt x="296870" y="98410"/>
                      <a:pt x="299330" y="98410"/>
                    </a:cubicBezTo>
                    <a:lnTo>
                      <a:pt x="319832" y="98410"/>
                    </a:lnTo>
                    <a:cubicBezTo>
                      <a:pt x="324753" y="98410"/>
                      <a:pt x="328033" y="95130"/>
                      <a:pt x="328033" y="90209"/>
                    </a:cubicBezTo>
                    <a:lnTo>
                      <a:pt x="328033" y="32803"/>
                    </a:lnTo>
                    <a:cubicBezTo>
                      <a:pt x="328033" y="14761"/>
                      <a:pt x="313271" y="0"/>
                      <a:pt x="295230" y="0"/>
                    </a:cubicBezTo>
                    <a:lnTo>
                      <a:pt x="65607" y="0"/>
                    </a:lnTo>
                    <a:cubicBezTo>
                      <a:pt x="47565" y="0"/>
                      <a:pt x="32803" y="14761"/>
                      <a:pt x="32803" y="32803"/>
                    </a:cubicBezTo>
                    <a:lnTo>
                      <a:pt x="32803" y="90209"/>
                    </a:lnTo>
                    <a:cubicBezTo>
                      <a:pt x="32803" y="95130"/>
                      <a:pt x="36084" y="98410"/>
                      <a:pt x="41004" y="98410"/>
                    </a:cubicBezTo>
                    <a:lnTo>
                      <a:pt x="61506" y="98410"/>
                    </a:lnTo>
                    <a:cubicBezTo>
                      <a:pt x="63966" y="98410"/>
                      <a:pt x="65607" y="100050"/>
                      <a:pt x="65607" y="102510"/>
                    </a:cubicBezTo>
                    <a:lnTo>
                      <a:pt x="65607" y="127113"/>
                    </a:lnTo>
                    <a:cubicBezTo>
                      <a:pt x="65607" y="129573"/>
                      <a:pt x="63966" y="131213"/>
                      <a:pt x="61506" y="131213"/>
                    </a:cubicBezTo>
                    <a:lnTo>
                      <a:pt x="32803" y="131213"/>
                    </a:lnTo>
                    <a:cubicBezTo>
                      <a:pt x="14761" y="131213"/>
                      <a:pt x="0" y="145975"/>
                      <a:pt x="0" y="164016"/>
                    </a:cubicBezTo>
                    <a:lnTo>
                      <a:pt x="0" y="557656"/>
                    </a:lnTo>
                    <a:cubicBezTo>
                      <a:pt x="0" y="575698"/>
                      <a:pt x="14761" y="590459"/>
                      <a:pt x="32803" y="590459"/>
                    </a:cubicBezTo>
                    <a:lnTo>
                      <a:pt x="147615" y="590459"/>
                    </a:lnTo>
                    <a:cubicBezTo>
                      <a:pt x="147615" y="536334"/>
                      <a:pt x="191899" y="492049"/>
                      <a:pt x="246025" y="492049"/>
                    </a:cubicBezTo>
                    <a:lnTo>
                      <a:pt x="360836" y="492049"/>
                    </a:lnTo>
                    <a:close/>
                  </a:path>
                </a:pathLst>
              </a:custGeom>
              <a:solidFill>
                <a:schemeClr val="tx2"/>
              </a:solidFill>
              <a:ln w="8136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n-US" dirty="0"/>
              </a:p>
            </p:txBody>
          </p:sp>
          <p:sp>
            <p:nvSpPr>
              <p:cNvPr id="95" name="Freeform: Shape 10">
                <a:extLst>
                  <a:ext uri="{FF2B5EF4-FFF2-40B4-BE49-F238E27FC236}">
                    <a16:creationId xmlns:a16="http://schemas.microsoft.com/office/drawing/2014/main" id="{8BB78C30-77CB-3A76-8BEC-99D432653FA1}"/>
                  </a:ext>
                </a:extLst>
              </p:cNvPr>
              <p:cNvSpPr/>
              <p:nvPr/>
            </p:nvSpPr>
            <p:spPr>
              <a:xfrm>
                <a:off x="3739281" y="5074097"/>
                <a:ext cx="262426" cy="131213"/>
              </a:xfrm>
              <a:custGeom>
                <a:avLst/>
                <a:gdLst>
                  <a:gd name="connsiteX0" fmla="*/ 0 w 262426"/>
                  <a:gd name="connsiteY0" fmla="*/ 8201 h 131213"/>
                  <a:gd name="connsiteX1" fmla="*/ 0 w 262426"/>
                  <a:gd name="connsiteY1" fmla="*/ 123012 h 131213"/>
                  <a:gd name="connsiteX2" fmla="*/ 8201 w 262426"/>
                  <a:gd name="connsiteY2" fmla="*/ 131213 h 131213"/>
                  <a:gd name="connsiteX3" fmla="*/ 262426 w 262426"/>
                  <a:gd name="connsiteY3" fmla="*/ 131213 h 131213"/>
                  <a:gd name="connsiteX4" fmla="*/ 262426 w 262426"/>
                  <a:gd name="connsiteY4" fmla="*/ 0 h 131213"/>
                  <a:gd name="connsiteX5" fmla="*/ 8201 w 262426"/>
                  <a:gd name="connsiteY5" fmla="*/ 0 h 131213"/>
                  <a:gd name="connsiteX6" fmla="*/ 0 w 262426"/>
                  <a:gd name="connsiteY6" fmla="*/ 8201 h 13121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</a:cxnLst>
                <a:rect l="l" t="t" r="r" b="b"/>
                <a:pathLst>
                  <a:path w="262426" h="131213">
                    <a:moveTo>
                      <a:pt x="0" y="8201"/>
                    </a:moveTo>
                    <a:lnTo>
                      <a:pt x="0" y="123012"/>
                    </a:lnTo>
                    <a:cubicBezTo>
                      <a:pt x="0" y="127933"/>
                      <a:pt x="3280" y="131213"/>
                      <a:pt x="8201" y="131213"/>
                    </a:cubicBezTo>
                    <a:lnTo>
                      <a:pt x="262426" y="131213"/>
                    </a:lnTo>
                    <a:lnTo>
                      <a:pt x="262426" y="0"/>
                    </a:lnTo>
                    <a:lnTo>
                      <a:pt x="8201" y="0"/>
                    </a:lnTo>
                    <a:cubicBezTo>
                      <a:pt x="3280" y="0"/>
                      <a:pt x="0" y="3280"/>
                      <a:pt x="0" y="8201"/>
                    </a:cubicBezTo>
                    <a:close/>
                  </a:path>
                </a:pathLst>
              </a:custGeom>
              <a:solidFill>
                <a:schemeClr val="accent1"/>
              </a:solidFill>
              <a:ln w="8136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n-US"/>
              </a:p>
            </p:txBody>
          </p:sp>
          <p:sp>
            <p:nvSpPr>
              <p:cNvPr id="96" name="Freeform: Shape 11">
                <a:extLst>
                  <a:ext uri="{FF2B5EF4-FFF2-40B4-BE49-F238E27FC236}">
                    <a16:creationId xmlns:a16="http://schemas.microsoft.com/office/drawing/2014/main" id="{E7FFB73E-8C42-3535-7CB8-1757C7067151}"/>
                  </a:ext>
                </a:extLst>
              </p:cNvPr>
              <p:cNvSpPr/>
              <p:nvPr/>
            </p:nvSpPr>
            <p:spPr>
              <a:xfrm>
                <a:off x="3821289" y="5336524"/>
                <a:ext cx="278827" cy="131213"/>
              </a:xfrm>
              <a:custGeom>
                <a:avLst/>
                <a:gdLst>
                  <a:gd name="connsiteX0" fmla="*/ 139414 w 278827"/>
                  <a:gd name="connsiteY0" fmla="*/ 98410 h 131213"/>
                  <a:gd name="connsiteX1" fmla="*/ 65607 w 278827"/>
                  <a:gd name="connsiteY1" fmla="*/ 98410 h 131213"/>
                  <a:gd name="connsiteX2" fmla="*/ 32803 w 278827"/>
                  <a:gd name="connsiteY2" fmla="*/ 65607 h 131213"/>
                  <a:gd name="connsiteX3" fmla="*/ 65607 w 278827"/>
                  <a:gd name="connsiteY3" fmla="*/ 32803 h 131213"/>
                  <a:gd name="connsiteX4" fmla="*/ 139414 w 278827"/>
                  <a:gd name="connsiteY4" fmla="*/ 32803 h 131213"/>
                  <a:gd name="connsiteX5" fmla="*/ 139414 w 278827"/>
                  <a:gd name="connsiteY5" fmla="*/ 98410 h 131213"/>
                  <a:gd name="connsiteX6" fmla="*/ 213221 w 278827"/>
                  <a:gd name="connsiteY6" fmla="*/ 0 h 131213"/>
                  <a:gd name="connsiteX7" fmla="*/ 65607 w 278827"/>
                  <a:gd name="connsiteY7" fmla="*/ 0 h 131213"/>
                  <a:gd name="connsiteX8" fmla="*/ 0 w 278827"/>
                  <a:gd name="connsiteY8" fmla="*/ 65607 h 131213"/>
                  <a:gd name="connsiteX9" fmla="*/ 65607 w 278827"/>
                  <a:gd name="connsiteY9" fmla="*/ 131213 h 131213"/>
                  <a:gd name="connsiteX10" fmla="*/ 213221 w 278827"/>
                  <a:gd name="connsiteY10" fmla="*/ 131213 h 131213"/>
                  <a:gd name="connsiteX11" fmla="*/ 278828 w 278827"/>
                  <a:gd name="connsiteY11" fmla="*/ 65607 h 131213"/>
                  <a:gd name="connsiteX12" fmla="*/ 213221 w 278827"/>
                  <a:gd name="connsiteY12" fmla="*/ 0 h 13121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</a:cxnLst>
                <a:rect l="l" t="t" r="r" b="b"/>
                <a:pathLst>
                  <a:path w="278827" h="131213">
                    <a:moveTo>
                      <a:pt x="139414" y="98410"/>
                    </a:moveTo>
                    <a:lnTo>
                      <a:pt x="65607" y="98410"/>
                    </a:lnTo>
                    <a:cubicBezTo>
                      <a:pt x="47565" y="98410"/>
                      <a:pt x="32803" y="83648"/>
                      <a:pt x="32803" y="65607"/>
                    </a:cubicBezTo>
                    <a:cubicBezTo>
                      <a:pt x="32803" y="47565"/>
                      <a:pt x="47565" y="32803"/>
                      <a:pt x="65607" y="32803"/>
                    </a:cubicBezTo>
                    <a:lnTo>
                      <a:pt x="139414" y="32803"/>
                    </a:lnTo>
                    <a:lnTo>
                      <a:pt x="139414" y="98410"/>
                    </a:lnTo>
                    <a:close/>
                    <a:moveTo>
                      <a:pt x="213221" y="0"/>
                    </a:moveTo>
                    <a:lnTo>
                      <a:pt x="65607" y="0"/>
                    </a:lnTo>
                    <a:cubicBezTo>
                      <a:pt x="29523" y="0"/>
                      <a:pt x="0" y="29523"/>
                      <a:pt x="0" y="65607"/>
                    </a:cubicBezTo>
                    <a:cubicBezTo>
                      <a:pt x="0" y="101690"/>
                      <a:pt x="29523" y="131213"/>
                      <a:pt x="65607" y="131213"/>
                    </a:cubicBezTo>
                    <a:lnTo>
                      <a:pt x="213221" y="131213"/>
                    </a:lnTo>
                    <a:cubicBezTo>
                      <a:pt x="249305" y="131213"/>
                      <a:pt x="278828" y="101690"/>
                      <a:pt x="278828" y="65607"/>
                    </a:cubicBezTo>
                    <a:cubicBezTo>
                      <a:pt x="278828" y="29523"/>
                      <a:pt x="249305" y="0"/>
                      <a:pt x="213221" y="0"/>
                    </a:cubicBezTo>
                    <a:close/>
                  </a:path>
                </a:pathLst>
              </a:custGeom>
              <a:solidFill>
                <a:schemeClr val="accent2"/>
              </a:solidFill>
              <a:ln w="8136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n-US"/>
              </a:p>
            </p:txBody>
          </p:sp>
        </p:grpSp>
        <p:grpSp>
          <p:nvGrpSpPr>
            <p:cNvPr id="90" name="Graphic 5" descr="Medicine with solid fill">
              <a:extLst>
                <a:ext uri="{FF2B5EF4-FFF2-40B4-BE49-F238E27FC236}">
                  <a16:creationId xmlns:a16="http://schemas.microsoft.com/office/drawing/2014/main" id="{AABC3F06-DD3C-DC2F-F12C-5DC283F453AA}"/>
                </a:ext>
              </a:extLst>
            </p:cNvPr>
            <p:cNvGrpSpPr/>
            <p:nvPr/>
          </p:nvGrpSpPr>
          <p:grpSpPr>
            <a:xfrm>
              <a:off x="3104711" y="4568281"/>
              <a:ext cx="459246" cy="656065"/>
              <a:chOff x="3640871" y="4811671"/>
              <a:chExt cx="459246" cy="656065"/>
            </a:xfrm>
            <a:solidFill>
              <a:srgbClr val="000000"/>
            </a:solidFill>
          </p:grpSpPr>
          <p:sp>
            <p:nvSpPr>
              <p:cNvPr id="91" name="Freeform: Shape 143">
                <a:extLst>
                  <a:ext uri="{FF2B5EF4-FFF2-40B4-BE49-F238E27FC236}">
                    <a16:creationId xmlns:a16="http://schemas.microsoft.com/office/drawing/2014/main" id="{0A1B04F7-DA1B-9E46-952B-80C4C26D08AA}"/>
                  </a:ext>
                </a:extLst>
              </p:cNvPr>
              <p:cNvSpPr/>
              <p:nvPr/>
            </p:nvSpPr>
            <p:spPr>
              <a:xfrm>
                <a:off x="3640871" y="4811671"/>
                <a:ext cx="360836" cy="590459"/>
              </a:xfrm>
              <a:custGeom>
                <a:avLst/>
                <a:gdLst>
                  <a:gd name="connsiteX0" fmla="*/ 360836 w 360836"/>
                  <a:gd name="connsiteY0" fmla="*/ 492049 h 590459"/>
                  <a:gd name="connsiteX1" fmla="*/ 360836 w 360836"/>
                  <a:gd name="connsiteY1" fmla="*/ 426443 h 590459"/>
                  <a:gd name="connsiteX2" fmla="*/ 82008 w 360836"/>
                  <a:gd name="connsiteY2" fmla="*/ 426443 h 590459"/>
                  <a:gd name="connsiteX3" fmla="*/ 65607 w 360836"/>
                  <a:gd name="connsiteY3" fmla="*/ 410041 h 590459"/>
                  <a:gd name="connsiteX4" fmla="*/ 65607 w 360836"/>
                  <a:gd name="connsiteY4" fmla="*/ 246025 h 590459"/>
                  <a:gd name="connsiteX5" fmla="*/ 82008 w 360836"/>
                  <a:gd name="connsiteY5" fmla="*/ 229623 h 590459"/>
                  <a:gd name="connsiteX6" fmla="*/ 360836 w 360836"/>
                  <a:gd name="connsiteY6" fmla="*/ 229623 h 590459"/>
                  <a:gd name="connsiteX7" fmla="*/ 360836 w 360836"/>
                  <a:gd name="connsiteY7" fmla="*/ 164016 h 590459"/>
                  <a:gd name="connsiteX8" fmla="*/ 328033 w 360836"/>
                  <a:gd name="connsiteY8" fmla="*/ 131213 h 590459"/>
                  <a:gd name="connsiteX9" fmla="*/ 299330 w 360836"/>
                  <a:gd name="connsiteY9" fmla="*/ 131213 h 590459"/>
                  <a:gd name="connsiteX10" fmla="*/ 295230 w 360836"/>
                  <a:gd name="connsiteY10" fmla="*/ 127113 h 590459"/>
                  <a:gd name="connsiteX11" fmla="*/ 295230 w 360836"/>
                  <a:gd name="connsiteY11" fmla="*/ 102510 h 590459"/>
                  <a:gd name="connsiteX12" fmla="*/ 299330 w 360836"/>
                  <a:gd name="connsiteY12" fmla="*/ 98410 h 590459"/>
                  <a:gd name="connsiteX13" fmla="*/ 319832 w 360836"/>
                  <a:gd name="connsiteY13" fmla="*/ 98410 h 590459"/>
                  <a:gd name="connsiteX14" fmla="*/ 328033 w 360836"/>
                  <a:gd name="connsiteY14" fmla="*/ 90209 h 590459"/>
                  <a:gd name="connsiteX15" fmla="*/ 328033 w 360836"/>
                  <a:gd name="connsiteY15" fmla="*/ 32803 h 590459"/>
                  <a:gd name="connsiteX16" fmla="*/ 295230 w 360836"/>
                  <a:gd name="connsiteY16" fmla="*/ 0 h 590459"/>
                  <a:gd name="connsiteX17" fmla="*/ 65607 w 360836"/>
                  <a:gd name="connsiteY17" fmla="*/ 0 h 590459"/>
                  <a:gd name="connsiteX18" fmla="*/ 32803 w 360836"/>
                  <a:gd name="connsiteY18" fmla="*/ 32803 h 590459"/>
                  <a:gd name="connsiteX19" fmla="*/ 32803 w 360836"/>
                  <a:gd name="connsiteY19" fmla="*/ 90209 h 590459"/>
                  <a:gd name="connsiteX20" fmla="*/ 41004 w 360836"/>
                  <a:gd name="connsiteY20" fmla="*/ 98410 h 590459"/>
                  <a:gd name="connsiteX21" fmla="*/ 61506 w 360836"/>
                  <a:gd name="connsiteY21" fmla="*/ 98410 h 590459"/>
                  <a:gd name="connsiteX22" fmla="*/ 65607 w 360836"/>
                  <a:gd name="connsiteY22" fmla="*/ 102510 h 590459"/>
                  <a:gd name="connsiteX23" fmla="*/ 65607 w 360836"/>
                  <a:gd name="connsiteY23" fmla="*/ 127113 h 590459"/>
                  <a:gd name="connsiteX24" fmla="*/ 61506 w 360836"/>
                  <a:gd name="connsiteY24" fmla="*/ 131213 h 590459"/>
                  <a:gd name="connsiteX25" fmla="*/ 32803 w 360836"/>
                  <a:gd name="connsiteY25" fmla="*/ 131213 h 590459"/>
                  <a:gd name="connsiteX26" fmla="*/ 0 w 360836"/>
                  <a:gd name="connsiteY26" fmla="*/ 164016 h 590459"/>
                  <a:gd name="connsiteX27" fmla="*/ 0 w 360836"/>
                  <a:gd name="connsiteY27" fmla="*/ 557656 h 590459"/>
                  <a:gd name="connsiteX28" fmla="*/ 32803 w 360836"/>
                  <a:gd name="connsiteY28" fmla="*/ 590459 h 590459"/>
                  <a:gd name="connsiteX29" fmla="*/ 147615 w 360836"/>
                  <a:gd name="connsiteY29" fmla="*/ 590459 h 590459"/>
                  <a:gd name="connsiteX30" fmla="*/ 246025 w 360836"/>
                  <a:gd name="connsiteY30" fmla="*/ 492049 h 590459"/>
                  <a:gd name="connsiteX31" fmla="*/ 360836 w 360836"/>
                  <a:gd name="connsiteY31" fmla="*/ 492049 h 59045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  <a:cxn ang="0">
                    <a:pos x="connsiteX13" y="connsiteY13"/>
                  </a:cxn>
                  <a:cxn ang="0">
                    <a:pos x="connsiteX14" y="connsiteY14"/>
                  </a:cxn>
                  <a:cxn ang="0">
                    <a:pos x="connsiteX15" y="connsiteY15"/>
                  </a:cxn>
                  <a:cxn ang="0">
                    <a:pos x="connsiteX16" y="connsiteY16"/>
                  </a:cxn>
                  <a:cxn ang="0">
                    <a:pos x="connsiteX17" y="connsiteY17"/>
                  </a:cxn>
                  <a:cxn ang="0">
                    <a:pos x="connsiteX18" y="connsiteY18"/>
                  </a:cxn>
                  <a:cxn ang="0">
                    <a:pos x="connsiteX19" y="connsiteY19"/>
                  </a:cxn>
                  <a:cxn ang="0">
                    <a:pos x="connsiteX20" y="connsiteY20"/>
                  </a:cxn>
                  <a:cxn ang="0">
                    <a:pos x="connsiteX21" y="connsiteY21"/>
                  </a:cxn>
                  <a:cxn ang="0">
                    <a:pos x="connsiteX22" y="connsiteY22"/>
                  </a:cxn>
                  <a:cxn ang="0">
                    <a:pos x="connsiteX23" y="connsiteY23"/>
                  </a:cxn>
                  <a:cxn ang="0">
                    <a:pos x="connsiteX24" y="connsiteY24"/>
                  </a:cxn>
                  <a:cxn ang="0">
                    <a:pos x="connsiteX25" y="connsiteY25"/>
                  </a:cxn>
                  <a:cxn ang="0">
                    <a:pos x="connsiteX26" y="connsiteY26"/>
                  </a:cxn>
                  <a:cxn ang="0">
                    <a:pos x="connsiteX27" y="connsiteY27"/>
                  </a:cxn>
                  <a:cxn ang="0">
                    <a:pos x="connsiteX28" y="connsiteY28"/>
                  </a:cxn>
                  <a:cxn ang="0">
                    <a:pos x="connsiteX29" y="connsiteY29"/>
                  </a:cxn>
                  <a:cxn ang="0">
                    <a:pos x="connsiteX30" y="connsiteY30"/>
                  </a:cxn>
                  <a:cxn ang="0">
                    <a:pos x="connsiteX31" y="connsiteY31"/>
                  </a:cxn>
                </a:cxnLst>
                <a:rect l="l" t="t" r="r" b="b"/>
                <a:pathLst>
                  <a:path w="360836" h="590459">
                    <a:moveTo>
                      <a:pt x="360836" y="492049"/>
                    </a:moveTo>
                    <a:lnTo>
                      <a:pt x="360836" y="426443"/>
                    </a:lnTo>
                    <a:lnTo>
                      <a:pt x="82008" y="426443"/>
                    </a:lnTo>
                    <a:cubicBezTo>
                      <a:pt x="72987" y="426443"/>
                      <a:pt x="65607" y="419062"/>
                      <a:pt x="65607" y="410041"/>
                    </a:cubicBezTo>
                    <a:lnTo>
                      <a:pt x="65607" y="246025"/>
                    </a:lnTo>
                    <a:cubicBezTo>
                      <a:pt x="65607" y="237004"/>
                      <a:pt x="72987" y="229623"/>
                      <a:pt x="82008" y="229623"/>
                    </a:cubicBezTo>
                    <a:lnTo>
                      <a:pt x="360836" y="229623"/>
                    </a:lnTo>
                    <a:lnTo>
                      <a:pt x="360836" y="164016"/>
                    </a:lnTo>
                    <a:cubicBezTo>
                      <a:pt x="360836" y="145975"/>
                      <a:pt x="346075" y="131213"/>
                      <a:pt x="328033" y="131213"/>
                    </a:cubicBezTo>
                    <a:lnTo>
                      <a:pt x="299330" y="131213"/>
                    </a:lnTo>
                    <a:cubicBezTo>
                      <a:pt x="296870" y="131213"/>
                      <a:pt x="295230" y="129573"/>
                      <a:pt x="295230" y="127113"/>
                    </a:cubicBezTo>
                    <a:lnTo>
                      <a:pt x="295230" y="102510"/>
                    </a:lnTo>
                    <a:cubicBezTo>
                      <a:pt x="295230" y="100050"/>
                      <a:pt x="296870" y="98410"/>
                      <a:pt x="299330" y="98410"/>
                    </a:cubicBezTo>
                    <a:lnTo>
                      <a:pt x="319832" y="98410"/>
                    </a:lnTo>
                    <a:cubicBezTo>
                      <a:pt x="324753" y="98410"/>
                      <a:pt x="328033" y="95130"/>
                      <a:pt x="328033" y="90209"/>
                    </a:cubicBezTo>
                    <a:lnTo>
                      <a:pt x="328033" y="32803"/>
                    </a:lnTo>
                    <a:cubicBezTo>
                      <a:pt x="328033" y="14761"/>
                      <a:pt x="313271" y="0"/>
                      <a:pt x="295230" y="0"/>
                    </a:cubicBezTo>
                    <a:lnTo>
                      <a:pt x="65607" y="0"/>
                    </a:lnTo>
                    <a:cubicBezTo>
                      <a:pt x="47565" y="0"/>
                      <a:pt x="32803" y="14761"/>
                      <a:pt x="32803" y="32803"/>
                    </a:cubicBezTo>
                    <a:lnTo>
                      <a:pt x="32803" y="90209"/>
                    </a:lnTo>
                    <a:cubicBezTo>
                      <a:pt x="32803" y="95130"/>
                      <a:pt x="36084" y="98410"/>
                      <a:pt x="41004" y="98410"/>
                    </a:cubicBezTo>
                    <a:lnTo>
                      <a:pt x="61506" y="98410"/>
                    </a:lnTo>
                    <a:cubicBezTo>
                      <a:pt x="63966" y="98410"/>
                      <a:pt x="65607" y="100050"/>
                      <a:pt x="65607" y="102510"/>
                    </a:cubicBezTo>
                    <a:lnTo>
                      <a:pt x="65607" y="127113"/>
                    </a:lnTo>
                    <a:cubicBezTo>
                      <a:pt x="65607" y="129573"/>
                      <a:pt x="63966" y="131213"/>
                      <a:pt x="61506" y="131213"/>
                    </a:cubicBezTo>
                    <a:lnTo>
                      <a:pt x="32803" y="131213"/>
                    </a:lnTo>
                    <a:cubicBezTo>
                      <a:pt x="14761" y="131213"/>
                      <a:pt x="0" y="145975"/>
                      <a:pt x="0" y="164016"/>
                    </a:cubicBezTo>
                    <a:lnTo>
                      <a:pt x="0" y="557656"/>
                    </a:lnTo>
                    <a:cubicBezTo>
                      <a:pt x="0" y="575698"/>
                      <a:pt x="14761" y="590459"/>
                      <a:pt x="32803" y="590459"/>
                    </a:cubicBezTo>
                    <a:lnTo>
                      <a:pt x="147615" y="590459"/>
                    </a:lnTo>
                    <a:cubicBezTo>
                      <a:pt x="147615" y="536334"/>
                      <a:pt x="191899" y="492049"/>
                      <a:pt x="246025" y="492049"/>
                    </a:cubicBezTo>
                    <a:lnTo>
                      <a:pt x="360836" y="492049"/>
                    </a:lnTo>
                    <a:close/>
                  </a:path>
                </a:pathLst>
              </a:custGeom>
              <a:solidFill>
                <a:schemeClr val="tx2"/>
              </a:solidFill>
              <a:ln w="8136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n-US" dirty="0"/>
              </a:p>
            </p:txBody>
          </p:sp>
          <p:sp>
            <p:nvSpPr>
              <p:cNvPr id="92" name="Freeform: Shape 144">
                <a:extLst>
                  <a:ext uri="{FF2B5EF4-FFF2-40B4-BE49-F238E27FC236}">
                    <a16:creationId xmlns:a16="http://schemas.microsoft.com/office/drawing/2014/main" id="{4953F10D-A2CF-D767-8B7C-AF2C6DB66296}"/>
                  </a:ext>
                </a:extLst>
              </p:cNvPr>
              <p:cNvSpPr/>
              <p:nvPr/>
            </p:nvSpPr>
            <p:spPr>
              <a:xfrm>
                <a:off x="3739281" y="5074097"/>
                <a:ext cx="262426" cy="131213"/>
              </a:xfrm>
              <a:custGeom>
                <a:avLst/>
                <a:gdLst>
                  <a:gd name="connsiteX0" fmla="*/ 0 w 262426"/>
                  <a:gd name="connsiteY0" fmla="*/ 8201 h 131213"/>
                  <a:gd name="connsiteX1" fmla="*/ 0 w 262426"/>
                  <a:gd name="connsiteY1" fmla="*/ 123012 h 131213"/>
                  <a:gd name="connsiteX2" fmla="*/ 8201 w 262426"/>
                  <a:gd name="connsiteY2" fmla="*/ 131213 h 131213"/>
                  <a:gd name="connsiteX3" fmla="*/ 262426 w 262426"/>
                  <a:gd name="connsiteY3" fmla="*/ 131213 h 131213"/>
                  <a:gd name="connsiteX4" fmla="*/ 262426 w 262426"/>
                  <a:gd name="connsiteY4" fmla="*/ 0 h 131213"/>
                  <a:gd name="connsiteX5" fmla="*/ 8201 w 262426"/>
                  <a:gd name="connsiteY5" fmla="*/ 0 h 131213"/>
                  <a:gd name="connsiteX6" fmla="*/ 0 w 262426"/>
                  <a:gd name="connsiteY6" fmla="*/ 8201 h 13121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</a:cxnLst>
                <a:rect l="l" t="t" r="r" b="b"/>
                <a:pathLst>
                  <a:path w="262426" h="131213">
                    <a:moveTo>
                      <a:pt x="0" y="8201"/>
                    </a:moveTo>
                    <a:lnTo>
                      <a:pt x="0" y="123012"/>
                    </a:lnTo>
                    <a:cubicBezTo>
                      <a:pt x="0" y="127933"/>
                      <a:pt x="3280" y="131213"/>
                      <a:pt x="8201" y="131213"/>
                    </a:cubicBezTo>
                    <a:lnTo>
                      <a:pt x="262426" y="131213"/>
                    </a:lnTo>
                    <a:lnTo>
                      <a:pt x="262426" y="0"/>
                    </a:lnTo>
                    <a:lnTo>
                      <a:pt x="8201" y="0"/>
                    </a:lnTo>
                    <a:cubicBezTo>
                      <a:pt x="3280" y="0"/>
                      <a:pt x="0" y="3280"/>
                      <a:pt x="0" y="8201"/>
                    </a:cubicBezTo>
                    <a:close/>
                  </a:path>
                </a:pathLst>
              </a:custGeom>
              <a:solidFill>
                <a:schemeClr val="accent1"/>
              </a:solidFill>
              <a:ln w="8136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n-US"/>
              </a:p>
            </p:txBody>
          </p:sp>
          <p:sp>
            <p:nvSpPr>
              <p:cNvPr id="93" name="Freeform: Shape 145">
                <a:extLst>
                  <a:ext uri="{FF2B5EF4-FFF2-40B4-BE49-F238E27FC236}">
                    <a16:creationId xmlns:a16="http://schemas.microsoft.com/office/drawing/2014/main" id="{53A87045-050B-38FC-0147-5C7D0DAB005F}"/>
                  </a:ext>
                </a:extLst>
              </p:cNvPr>
              <p:cNvSpPr/>
              <p:nvPr/>
            </p:nvSpPr>
            <p:spPr>
              <a:xfrm>
                <a:off x="3821289" y="5336524"/>
                <a:ext cx="278827" cy="131213"/>
              </a:xfrm>
              <a:custGeom>
                <a:avLst/>
                <a:gdLst>
                  <a:gd name="connsiteX0" fmla="*/ 139414 w 278827"/>
                  <a:gd name="connsiteY0" fmla="*/ 98410 h 131213"/>
                  <a:gd name="connsiteX1" fmla="*/ 65607 w 278827"/>
                  <a:gd name="connsiteY1" fmla="*/ 98410 h 131213"/>
                  <a:gd name="connsiteX2" fmla="*/ 32803 w 278827"/>
                  <a:gd name="connsiteY2" fmla="*/ 65607 h 131213"/>
                  <a:gd name="connsiteX3" fmla="*/ 65607 w 278827"/>
                  <a:gd name="connsiteY3" fmla="*/ 32803 h 131213"/>
                  <a:gd name="connsiteX4" fmla="*/ 139414 w 278827"/>
                  <a:gd name="connsiteY4" fmla="*/ 32803 h 131213"/>
                  <a:gd name="connsiteX5" fmla="*/ 139414 w 278827"/>
                  <a:gd name="connsiteY5" fmla="*/ 98410 h 131213"/>
                  <a:gd name="connsiteX6" fmla="*/ 213221 w 278827"/>
                  <a:gd name="connsiteY6" fmla="*/ 0 h 131213"/>
                  <a:gd name="connsiteX7" fmla="*/ 65607 w 278827"/>
                  <a:gd name="connsiteY7" fmla="*/ 0 h 131213"/>
                  <a:gd name="connsiteX8" fmla="*/ 0 w 278827"/>
                  <a:gd name="connsiteY8" fmla="*/ 65607 h 131213"/>
                  <a:gd name="connsiteX9" fmla="*/ 65607 w 278827"/>
                  <a:gd name="connsiteY9" fmla="*/ 131213 h 131213"/>
                  <a:gd name="connsiteX10" fmla="*/ 213221 w 278827"/>
                  <a:gd name="connsiteY10" fmla="*/ 131213 h 131213"/>
                  <a:gd name="connsiteX11" fmla="*/ 278828 w 278827"/>
                  <a:gd name="connsiteY11" fmla="*/ 65607 h 131213"/>
                  <a:gd name="connsiteX12" fmla="*/ 213221 w 278827"/>
                  <a:gd name="connsiteY12" fmla="*/ 0 h 13121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  <a:cxn ang="0">
                    <a:pos x="connsiteX9" y="connsiteY9"/>
                  </a:cxn>
                  <a:cxn ang="0">
                    <a:pos x="connsiteX10" y="connsiteY10"/>
                  </a:cxn>
                  <a:cxn ang="0">
                    <a:pos x="connsiteX11" y="connsiteY11"/>
                  </a:cxn>
                  <a:cxn ang="0">
                    <a:pos x="connsiteX12" y="connsiteY12"/>
                  </a:cxn>
                </a:cxnLst>
                <a:rect l="l" t="t" r="r" b="b"/>
                <a:pathLst>
                  <a:path w="278827" h="131213">
                    <a:moveTo>
                      <a:pt x="139414" y="98410"/>
                    </a:moveTo>
                    <a:lnTo>
                      <a:pt x="65607" y="98410"/>
                    </a:lnTo>
                    <a:cubicBezTo>
                      <a:pt x="47565" y="98410"/>
                      <a:pt x="32803" y="83648"/>
                      <a:pt x="32803" y="65607"/>
                    </a:cubicBezTo>
                    <a:cubicBezTo>
                      <a:pt x="32803" y="47565"/>
                      <a:pt x="47565" y="32803"/>
                      <a:pt x="65607" y="32803"/>
                    </a:cubicBezTo>
                    <a:lnTo>
                      <a:pt x="139414" y="32803"/>
                    </a:lnTo>
                    <a:lnTo>
                      <a:pt x="139414" y="98410"/>
                    </a:lnTo>
                    <a:close/>
                    <a:moveTo>
                      <a:pt x="213221" y="0"/>
                    </a:moveTo>
                    <a:lnTo>
                      <a:pt x="65607" y="0"/>
                    </a:lnTo>
                    <a:cubicBezTo>
                      <a:pt x="29523" y="0"/>
                      <a:pt x="0" y="29523"/>
                      <a:pt x="0" y="65607"/>
                    </a:cubicBezTo>
                    <a:cubicBezTo>
                      <a:pt x="0" y="101690"/>
                      <a:pt x="29523" y="131213"/>
                      <a:pt x="65607" y="131213"/>
                    </a:cubicBezTo>
                    <a:lnTo>
                      <a:pt x="213221" y="131213"/>
                    </a:lnTo>
                    <a:cubicBezTo>
                      <a:pt x="249305" y="131213"/>
                      <a:pt x="278828" y="101690"/>
                      <a:pt x="278828" y="65607"/>
                    </a:cubicBezTo>
                    <a:cubicBezTo>
                      <a:pt x="278828" y="29523"/>
                      <a:pt x="249305" y="0"/>
                      <a:pt x="213221" y="0"/>
                    </a:cubicBezTo>
                    <a:close/>
                  </a:path>
                </a:pathLst>
              </a:custGeom>
              <a:solidFill>
                <a:schemeClr val="accent2"/>
              </a:solidFill>
              <a:ln w="8136" cap="flat">
                <a:noFill/>
                <a:prstDash val="solid"/>
                <a:miter/>
              </a:ln>
            </p:spPr>
            <p:txBody>
              <a:bodyPr rtlCol="0" anchor="ctr"/>
              <a:lstStyle/>
              <a:p>
                <a:endParaRPr lang="en-US"/>
              </a:p>
            </p:txBody>
          </p:sp>
        </p:grpSp>
      </p:grpSp>
      <p:sp>
        <p:nvSpPr>
          <p:cNvPr id="97" name="Rectangle: Rounded Corners 97">
            <a:extLst>
              <a:ext uri="{FF2B5EF4-FFF2-40B4-BE49-F238E27FC236}">
                <a16:creationId xmlns:a16="http://schemas.microsoft.com/office/drawing/2014/main" id="{DB2F812C-2116-60C5-C986-BE2E6CE51444}"/>
              </a:ext>
            </a:extLst>
          </p:cNvPr>
          <p:cNvSpPr/>
          <p:nvPr/>
        </p:nvSpPr>
        <p:spPr>
          <a:xfrm>
            <a:off x="1476251" y="2816725"/>
            <a:ext cx="2120554" cy="758372"/>
          </a:xfrm>
          <a:prstGeom prst="round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dirty="0" err="1">
                <a:latin typeface="Rubik" pitchFamily="2" charset="-79"/>
                <a:cs typeface="Rubik" pitchFamily="2" charset="-79"/>
              </a:rPr>
              <a:t>Organisation</a:t>
            </a:r>
            <a:r>
              <a:rPr lang="es-ES" dirty="0">
                <a:latin typeface="Rubik" pitchFamily="2" charset="-79"/>
                <a:cs typeface="Rubik" pitchFamily="2" charset="-79"/>
              </a:rPr>
              <a:t> </a:t>
            </a:r>
            <a:r>
              <a:rPr lang="es-ES" dirty="0" err="1">
                <a:latin typeface="Rubik" pitchFamily="2" charset="-79"/>
                <a:cs typeface="Rubik" pitchFamily="2" charset="-79"/>
              </a:rPr>
              <a:t>unit</a:t>
            </a:r>
            <a:r>
              <a:rPr lang="es-ES" dirty="0">
                <a:latin typeface="Rubik" pitchFamily="2" charset="-79"/>
                <a:cs typeface="Rubik" pitchFamily="2" charset="-79"/>
              </a:rPr>
              <a:t> </a:t>
            </a:r>
            <a:r>
              <a:rPr lang="es-ES" dirty="0" err="1">
                <a:latin typeface="Rubik" pitchFamily="2" charset="-79"/>
                <a:cs typeface="Rubik" pitchFamily="2" charset="-79"/>
              </a:rPr>
              <a:t>groups</a:t>
            </a:r>
            <a:endParaRPr lang="es-ES" dirty="0">
              <a:latin typeface="Rubik" pitchFamily="2" charset="-79"/>
              <a:cs typeface="Rubik" pitchFamily="2" charset="-79"/>
            </a:endParaRPr>
          </a:p>
        </p:txBody>
      </p:sp>
      <p:sp>
        <p:nvSpPr>
          <p:cNvPr id="98" name="Rectangle: Rounded Corners 98">
            <a:extLst>
              <a:ext uri="{FF2B5EF4-FFF2-40B4-BE49-F238E27FC236}">
                <a16:creationId xmlns:a16="http://schemas.microsoft.com/office/drawing/2014/main" id="{BAC54E95-57A6-3A94-D4EA-1BB1F771C447}"/>
              </a:ext>
            </a:extLst>
          </p:cNvPr>
          <p:cNvSpPr/>
          <p:nvPr/>
        </p:nvSpPr>
        <p:spPr>
          <a:xfrm>
            <a:off x="1459849" y="1830324"/>
            <a:ext cx="2120553" cy="731520"/>
          </a:xfrm>
          <a:prstGeom prst="round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dirty="0" err="1">
                <a:latin typeface="Rubik" pitchFamily="2" charset="-79"/>
                <a:cs typeface="Rubik" pitchFamily="2" charset="-79"/>
              </a:rPr>
              <a:t>Organisation</a:t>
            </a:r>
            <a:r>
              <a:rPr lang="es-ES" dirty="0">
                <a:latin typeface="Rubik" pitchFamily="2" charset="-79"/>
                <a:cs typeface="Rubik" pitchFamily="2" charset="-79"/>
              </a:rPr>
              <a:t> </a:t>
            </a:r>
            <a:r>
              <a:rPr lang="es-ES" dirty="0" err="1">
                <a:latin typeface="Rubik" pitchFamily="2" charset="-79"/>
                <a:cs typeface="Rubik" pitchFamily="2" charset="-79"/>
              </a:rPr>
              <a:t>unit</a:t>
            </a:r>
            <a:r>
              <a:rPr lang="es-ES" dirty="0">
                <a:latin typeface="Rubik" pitchFamily="2" charset="-79"/>
                <a:cs typeface="Rubik" pitchFamily="2" charset="-79"/>
              </a:rPr>
              <a:t> </a:t>
            </a:r>
            <a:r>
              <a:rPr lang="es-ES" dirty="0" err="1">
                <a:latin typeface="Rubik" pitchFamily="2" charset="-79"/>
                <a:cs typeface="Rubik" pitchFamily="2" charset="-79"/>
              </a:rPr>
              <a:t>group</a:t>
            </a:r>
            <a:r>
              <a:rPr lang="es-ES" dirty="0">
                <a:latin typeface="Rubik" pitchFamily="2" charset="-79"/>
                <a:cs typeface="Rubik" pitchFamily="2" charset="-79"/>
              </a:rPr>
              <a:t> set</a:t>
            </a:r>
          </a:p>
        </p:txBody>
      </p:sp>
      <p:sp>
        <p:nvSpPr>
          <p:cNvPr id="99" name="Rectangle: Rounded Corners 99">
            <a:extLst>
              <a:ext uri="{FF2B5EF4-FFF2-40B4-BE49-F238E27FC236}">
                <a16:creationId xmlns:a16="http://schemas.microsoft.com/office/drawing/2014/main" id="{3D024354-2898-4E11-9267-4CD2337AEB68}"/>
              </a:ext>
            </a:extLst>
          </p:cNvPr>
          <p:cNvSpPr/>
          <p:nvPr/>
        </p:nvSpPr>
        <p:spPr>
          <a:xfrm>
            <a:off x="3443692" y="2740682"/>
            <a:ext cx="8218751" cy="910458"/>
          </a:xfrm>
          <a:prstGeom prst="roundRect">
            <a:avLst>
              <a:gd name="adj" fmla="val 10159"/>
            </a:avLst>
          </a:prstGeom>
          <a:noFill/>
          <a:ln w="38100">
            <a:solidFill>
              <a:schemeClr val="accent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/>
          </a:p>
        </p:txBody>
      </p:sp>
      <p:sp>
        <p:nvSpPr>
          <p:cNvPr id="101" name="Rectangle: Rounded Corners 99">
            <a:extLst>
              <a:ext uri="{FF2B5EF4-FFF2-40B4-BE49-F238E27FC236}">
                <a16:creationId xmlns:a16="http://schemas.microsoft.com/office/drawing/2014/main" id="{8F9D79A4-94BF-5B17-D964-6A111FA12875}"/>
              </a:ext>
            </a:extLst>
          </p:cNvPr>
          <p:cNvSpPr/>
          <p:nvPr/>
        </p:nvSpPr>
        <p:spPr>
          <a:xfrm>
            <a:off x="3436938" y="1713207"/>
            <a:ext cx="8190896" cy="910458"/>
          </a:xfrm>
          <a:prstGeom prst="roundRect">
            <a:avLst>
              <a:gd name="adj" fmla="val 10159"/>
            </a:avLst>
          </a:prstGeom>
          <a:noFill/>
          <a:ln w="38100"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s-ES"/>
          </a:p>
        </p:txBody>
      </p:sp>
    </p:spTree>
    <p:extLst>
      <p:ext uri="{BB962C8B-B14F-4D97-AF65-F5344CB8AC3E}">
        <p14:creationId xmlns:p14="http://schemas.microsoft.com/office/powerpoint/2010/main" val="925712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4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8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12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55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56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5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8" presetID="3" presetClass="emph" presetSubtype="2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59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rgbClr val="FFFFFF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64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10" presetClass="exit" presetSubtype="0" fill="hold" grpId="1" nodeType="with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6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2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10" presetClass="exit" presetSubtype="0" fill="hold" grpId="1" nodeType="with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2" grpId="1" animBg="1"/>
      <p:bldP spid="97" grpId="0" animBg="1"/>
      <p:bldP spid="98" grpId="0" animBg="1"/>
      <p:bldP spid="99" grpId="0" animBg="1"/>
      <p:bldP spid="99" grpId="1" animBg="1"/>
      <p:bldP spid="101" grpId="0" animBg="1"/>
      <p:bldP spid="101" grpId="1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3">
            <a:extLst>
              <a:ext uri="{FF2B5EF4-FFF2-40B4-BE49-F238E27FC236}">
                <a16:creationId xmlns:a16="http://schemas.microsoft.com/office/drawing/2014/main" id="{A3EC9CBD-D515-1089-3CDA-7C50317C3B6F}"/>
              </a:ext>
            </a:extLst>
          </p:cNvPr>
          <p:cNvSpPr/>
          <p:nvPr/>
        </p:nvSpPr>
        <p:spPr>
          <a:xfrm>
            <a:off x="2370794" y="722402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5EEB9FCF-1A1E-12EE-9F0B-0FA4DD75975E}"/>
              </a:ext>
            </a:extLst>
          </p:cNvPr>
          <p:cNvSpPr/>
          <p:nvPr/>
        </p:nvSpPr>
        <p:spPr>
          <a:xfrm>
            <a:off x="2095065" y="627641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1</a:t>
            </a:r>
          </a:p>
        </p:txBody>
      </p:sp>
      <p:sp>
        <p:nvSpPr>
          <p:cNvPr id="20" name="Rectangle: Rounded Corners 3">
            <a:extLst>
              <a:ext uri="{FF2B5EF4-FFF2-40B4-BE49-F238E27FC236}">
                <a16:creationId xmlns:a16="http://schemas.microsoft.com/office/drawing/2014/main" id="{DF3B73A3-373B-D986-DBEB-09685B0C6980}"/>
              </a:ext>
            </a:extLst>
          </p:cNvPr>
          <p:cNvSpPr/>
          <p:nvPr/>
        </p:nvSpPr>
        <p:spPr>
          <a:xfrm>
            <a:off x="2370794" y="1700428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1" name="Oval 20">
            <a:extLst>
              <a:ext uri="{FF2B5EF4-FFF2-40B4-BE49-F238E27FC236}">
                <a16:creationId xmlns:a16="http://schemas.microsoft.com/office/drawing/2014/main" id="{A1A24F10-DC96-3666-C761-7D7071D284D4}"/>
              </a:ext>
            </a:extLst>
          </p:cNvPr>
          <p:cNvSpPr/>
          <p:nvPr/>
        </p:nvSpPr>
        <p:spPr>
          <a:xfrm>
            <a:off x="2095066" y="1605667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2</a:t>
            </a:r>
          </a:p>
        </p:txBody>
      </p:sp>
      <p:sp>
        <p:nvSpPr>
          <p:cNvPr id="22" name="Rectangle: Rounded Corners 3">
            <a:extLst>
              <a:ext uri="{FF2B5EF4-FFF2-40B4-BE49-F238E27FC236}">
                <a16:creationId xmlns:a16="http://schemas.microsoft.com/office/drawing/2014/main" id="{B5163B12-3183-5803-0F18-2595D24E6E4D}"/>
              </a:ext>
            </a:extLst>
          </p:cNvPr>
          <p:cNvSpPr/>
          <p:nvPr/>
        </p:nvSpPr>
        <p:spPr>
          <a:xfrm>
            <a:off x="2370794" y="2690858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3" name="Oval 22">
            <a:extLst>
              <a:ext uri="{FF2B5EF4-FFF2-40B4-BE49-F238E27FC236}">
                <a16:creationId xmlns:a16="http://schemas.microsoft.com/office/drawing/2014/main" id="{83377F61-ED97-B86B-0964-5EB83A2FA0DA}"/>
              </a:ext>
            </a:extLst>
          </p:cNvPr>
          <p:cNvSpPr/>
          <p:nvPr/>
        </p:nvSpPr>
        <p:spPr>
          <a:xfrm>
            <a:off x="2095066" y="2596098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3</a:t>
            </a:r>
          </a:p>
        </p:txBody>
      </p:sp>
      <p:sp>
        <p:nvSpPr>
          <p:cNvPr id="24" name="Rectangle: Rounded Corners 3">
            <a:extLst>
              <a:ext uri="{FF2B5EF4-FFF2-40B4-BE49-F238E27FC236}">
                <a16:creationId xmlns:a16="http://schemas.microsoft.com/office/drawing/2014/main" id="{6AA2D607-C1B2-6C4A-04B4-5E73D040E385}"/>
              </a:ext>
            </a:extLst>
          </p:cNvPr>
          <p:cNvSpPr/>
          <p:nvPr/>
        </p:nvSpPr>
        <p:spPr>
          <a:xfrm>
            <a:off x="2370794" y="3645560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5" name="Oval 24">
            <a:extLst>
              <a:ext uri="{FF2B5EF4-FFF2-40B4-BE49-F238E27FC236}">
                <a16:creationId xmlns:a16="http://schemas.microsoft.com/office/drawing/2014/main" id="{FD7D5788-3B80-2F31-84B2-E1501F6AED78}"/>
              </a:ext>
            </a:extLst>
          </p:cNvPr>
          <p:cNvSpPr/>
          <p:nvPr/>
        </p:nvSpPr>
        <p:spPr>
          <a:xfrm>
            <a:off x="2095066" y="3550799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4</a:t>
            </a:r>
          </a:p>
        </p:txBody>
      </p:sp>
      <p:sp>
        <p:nvSpPr>
          <p:cNvPr id="26" name="Rectangle: Rounded Corners 3">
            <a:extLst>
              <a:ext uri="{FF2B5EF4-FFF2-40B4-BE49-F238E27FC236}">
                <a16:creationId xmlns:a16="http://schemas.microsoft.com/office/drawing/2014/main" id="{9DE3715B-9085-890B-8A62-A21258CCE198}"/>
              </a:ext>
            </a:extLst>
          </p:cNvPr>
          <p:cNvSpPr/>
          <p:nvPr/>
        </p:nvSpPr>
        <p:spPr>
          <a:xfrm>
            <a:off x="2370794" y="4615983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7" name="Oval 26">
            <a:extLst>
              <a:ext uri="{FF2B5EF4-FFF2-40B4-BE49-F238E27FC236}">
                <a16:creationId xmlns:a16="http://schemas.microsoft.com/office/drawing/2014/main" id="{3CC4AA6B-9777-DE1B-B34D-582B8832638B}"/>
              </a:ext>
            </a:extLst>
          </p:cNvPr>
          <p:cNvSpPr/>
          <p:nvPr/>
        </p:nvSpPr>
        <p:spPr>
          <a:xfrm>
            <a:off x="2095066" y="4521222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5</a:t>
            </a:r>
          </a:p>
        </p:txBody>
      </p:sp>
      <p:sp>
        <p:nvSpPr>
          <p:cNvPr id="28" name="Rectangle: Rounded Corners 3">
            <a:extLst>
              <a:ext uri="{FF2B5EF4-FFF2-40B4-BE49-F238E27FC236}">
                <a16:creationId xmlns:a16="http://schemas.microsoft.com/office/drawing/2014/main" id="{824DB2A0-44E4-34AD-794D-A4D9EAFE5D5F}"/>
              </a:ext>
            </a:extLst>
          </p:cNvPr>
          <p:cNvSpPr/>
          <p:nvPr/>
        </p:nvSpPr>
        <p:spPr>
          <a:xfrm>
            <a:off x="2370794" y="5586406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9" name="Oval 28">
            <a:extLst>
              <a:ext uri="{FF2B5EF4-FFF2-40B4-BE49-F238E27FC236}">
                <a16:creationId xmlns:a16="http://schemas.microsoft.com/office/drawing/2014/main" id="{C2D5FD96-E56E-775C-F609-25C165CC9076}"/>
              </a:ext>
            </a:extLst>
          </p:cNvPr>
          <p:cNvSpPr/>
          <p:nvPr/>
        </p:nvSpPr>
        <p:spPr>
          <a:xfrm>
            <a:off x="2095066" y="5491646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6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80930712-7F12-BC93-EEF2-ECCA154757CF}"/>
              </a:ext>
            </a:extLst>
          </p:cNvPr>
          <p:cNvSpPr txBox="1"/>
          <p:nvPr/>
        </p:nvSpPr>
        <p:spPr>
          <a:xfrm>
            <a:off x="8155769" y="2596098"/>
            <a:ext cx="5071023" cy="677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NO" sz="1400" dirty="0"/>
              <a:t>In the organisation unit hierarchy, select the parent organisation unit</a:t>
            </a:r>
            <a:r>
              <a:rPr lang="en-NO" sz="2400" dirty="0"/>
              <a:t> </a:t>
            </a: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369DBFD8-4173-E12B-92F4-DD00D71314AA}"/>
              </a:ext>
            </a:extLst>
          </p:cNvPr>
          <p:cNvSpPr txBox="1"/>
          <p:nvPr/>
        </p:nvSpPr>
        <p:spPr>
          <a:xfrm>
            <a:off x="8155770" y="738523"/>
            <a:ext cx="3220753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>
              <a:buClr>
                <a:srgbClr val="008CCF"/>
              </a:buClr>
            </a:pPr>
            <a:r>
              <a:rPr lang="en-US" sz="1400" dirty="0"/>
              <a:t>O</a:t>
            </a:r>
            <a:r>
              <a:rPr lang="en-NO" sz="1400" dirty="0"/>
              <a:t>pen the Maintenance application</a:t>
            </a:r>
            <a:r>
              <a:rPr lang="en-NO" sz="2400" dirty="0"/>
              <a:t> </a:t>
            </a:r>
          </a:p>
        </p:txBody>
      </p:sp>
      <p:sp>
        <p:nvSpPr>
          <p:cNvPr id="35" name="TextBox 34">
            <a:extLst>
              <a:ext uri="{FF2B5EF4-FFF2-40B4-BE49-F238E27FC236}">
                <a16:creationId xmlns:a16="http://schemas.microsoft.com/office/drawing/2014/main" id="{5D1BA698-D806-69B3-E3D2-435CA6174A0B}"/>
              </a:ext>
            </a:extLst>
          </p:cNvPr>
          <p:cNvSpPr txBox="1"/>
          <p:nvPr/>
        </p:nvSpPr>
        <p:spPr>
          <a:xfrm>
            <a:off x="8155766" y="1605670"/>
            <a:ext cx="4788490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>
              <a:buClr>
                <a:srgbClr val="008CCF"/>
              </a:buClr>
            </a:pPr>
            <a:r>
              <a:rPr lang="en-NO" sz="1400" dirty="0"/>
              <a:t>Navigate to the organisation unit management page</a:t>
            </a:r>
            <a:r>
              <a:rPr lang="en-NO" sz="2400" dirty="0"/>
              <a:t> </a:t>
            </a:r>
          </a:p>
        </p:txBody>
      </p:sp>
      <p:sp>
        <p:nvSpPr>
          <p:cNvPr id="37" name="TextBox 36">
            <a:extLst>
              <a:ext uri="{FF2B5EF4-FFF2-40B4-BE49-F238E27FC236}">
                <a16:creationId xmlns:a16="http://schemas.microsoft.com/office/drawing/2014/main" id="{A1F37B4F-F376-5953-2A24-CAEA791F7D37}"/>
              </a:ext>
            </a:extLst>
          </p:cNvPr>
          <p:cNvSpPr txBox="1"/>
          <p:nvPr/>
        </p:nvSpPr>
        <p:spPr>
          <a:xfrm>
            <a:off x="8155767" y="3645561"/>
            <a:ext cx="3832386" cy="677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NO" sz="1400" dirty="0"/>
              <a:t>Click on the blue (</a:t>
            </a:r>
            <a:r>
              <a:rPr lang="en-NO" sz="1400" dirty="0">
                <a:solidFill>
                  <a:schemeClr val="accent1"/>
                </a:solidFill>
              </a:rPr>
              <a:t>+</a:t>
            </a:r>
            <a:r>
              <a:rPr lang="en-NO" sz="1400" dirty="0"/>
              <a:t>) sign on the bottom right of the screen</a:t>
            </a:r>
            <a:r>
              <a:rPr lang="en-NO" sz="2400" dirty="0"/>
              <a:t> </a:t>
            </a:r>
          </a:p>
        </p:txBody>
      </p:sp>
      <p:sp>
        <p:nvSpPr>
          <p:cNvPr id="39" name="TextBox 38">
            <a:extLst>
              <a:ext uri="{FF2B5EF4-FFF2-40B4-BE49-F238E27FC236}">
                <a16:creationId xmlns:a16="http://schemas.microsoft.com/office/drawing/2014/main" id="{3E5DCBE2-230E-C968-C7C6-1CCA1A6E1A53}"/>
              </a:ext>
            </a:extLst>
          </p:cNvPr>
          <p:cNvSpPr txBox="1"/>
          <p:nvPr/>
        </p:nvSpPr>
        <p:spPr>
          <a:xfrm>
            <a:off x="8136129" y="4500879"/>
            <a:ext cx="3852024" cy="677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NO" sz="1400" dirty="0"/>
              <a:t>Fill in the name and other information in the organisation unit creation form </a:t>
            </a:r>
            <a:r>
              <a:rPr lang="en-NO" sz="2400" dirty="0"/>
              <a:t> </a:t>
            </a:r>
          </a:p>
        </p:txBody>
      </p:sp>
      <p:sp>
        <p:nvSpPr>
          <p:cNvPr id="41" name="TextBox 40">
            <a:extLst>
              <a:ext uri="{FF2B5EF4-FFF2-40B4-BE49-F238E27FC236}">
                <a16:creationId xmlns:a16="http://schemas.microsoft.com/office/drawing/2014/main" id="{6E0A2B13-B5B9-80F5-2027-EC81C5470E31}"/>
              </a:ext>
            </a:extLst>
          </p:cNvPr>
          <p:cNvSpPr txBox="1"/>
          <p:nvPr/>
        </p:nvSpPr>
        <p:spPr>
          <a:xfrm>
            <a:off x="8237292" y="5754099"/>
            <a:ext cx="1237968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NO" sz="1400" dirty="0"/>
              <a:t>Click “Save”</a:t>
            </a:r>
            <a:endParaRPr lang="en-NO" sz="2400" dirty="0"/>
          </a:p>
        </p:txBody>
      </p:sp>
    </p:spTree>
    <p:extLst>
      <p:ext uri="{BB962C8B-B14F-4D97-AF65-F5344CB8AC3E}">
        <p14:creationId xmlns:p14="http://schemas.microsoft.com/office/powerpoint/2010/main" val="709050919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Rectangle: Rounded Corners 3">
            <a:extLst>
              <a:ext uri="{FF2B5EF4-FFF2-40B4-BE49-F238E27FC236}">
                <a16:creationId xmlns:a16="http://schemas.microsoft.com/office/drawing/2014/main" id="{DF3B73A3-373B-D986-DBEB-09685B0C6980}"/>
              </a:ext>
            </a:extLst>
          </p:cNvPr>
          <p:cNvSpPr/>
          <p:nvPr/>
        </p:nvSpPr>
        <p:spPr>
          <a:xfrm>
            <a:off x="2370794" y="1432804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1" name="Oval 20">
            <a:extLst>
              <a:ext uri="{FF2B5EF4-FFF2-40B4-BE49-F238E27FC236}">
                <a16:creationId xmlns:a16="http://schemas.microsoft.com/office/drawing/2014/main" id="{A1A24F10-DC96-3666-C761-7D7071D284D4}"/>
              </a:ext>
            </a:extLst>
          </p:cNvPr>
          <p:cNvSpPr/>
          <p:nvPr/>
        </p:nvSpPr>
        <p:spPr>
          <a:xfrm>
            <a:off x="2095066" y="1338044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2</a:t>
            </a:r>
          </a:p>
        </p:txBody>
      </p:sp>
      <p:sp>
        <p:nvSpPr>
          <p:cNvPr id="22" name="Rectangle: Rounded Corners 3">
            <a:extLst>
              <a:ext uri="{FF2B5EF4-FFF2-40B4-BE49-F238E27FC236}">
                <a16:creationId xmlns:a16="http://schemas.microsoft.com/office/drawing/2014/main" id="{B5163B12-3183-5803-0F18-2595D24E6E4D}"/>
              </a:ext>
            </a:extLst>
          </p:cNvPr>
          <p:cNvSpPr/>
          <p:nvPr/>
        </p:nvSpPr>
        <p:spPr>
          <a:xfrm>
            <a:off x="2370794" y="2356325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3" name="Oval 22">
            <a:extLst>
              <a:ext uri="{FF2B5EF4-FFF2-40B4-BE49-F238E27FC236}">
                <a16:creationId xmlns:a16="http://schemas.microsoft.com/office/drawing/2014/main" id="{83377F61-ED97-B86B-0964-5EB83A2FA0DA}"/>
              </a:ext>
            </a:extLst>
          </p:cNvPr>
          <p:cNvSpPr/>
          <p:nvPr/>
        </p:nvSpPr>
        <p:spPr>
          <a:xfrm>
            <a:off x="2095066" y="2261564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3</a:t>
            </a:r>
          </a:p>
        </p:txBody>
      </p:sp>
      <p:sp>
        <p:nvSpPr>
          <p:cNvPr id="24" name="Rectangle: Rounded Corners 3">
            <a:extLst>
              <a:ext uri="{FF2B5EF4-FFF2-40B4-BE49-F238E27FC236}">
                <a16:creationId xmlns:a16="http://schemas.microsoft.com/office/drawing/2014/main" id="{6AA2D607-C1B2-6C4A-04B4-5E73D040E385}"/>
              </a:ext>
            </a:extLst>
          </p:cNvPr>
          <p:cNvSpPr/>
          <p:nvPr/>
        </p:nvSpPr>
        <p:spPr>
          <a:xfrm>
            <a:off x="2370794" y="3288728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5" name="Oval 24">
            <a:extLst>
              <a:ext uri="{FF2B5EF4-FFF2-40B4-BE49-F238E27FC236}">
                <a16:creationId xmlns:a16="http://schemas.microsoft.com/office/drawing/2014/main" id="{FD7D5788-3B80-2F31-84B2-E1501F6AED78}"/>
              </a:ext>
            </a:extLst>
          </p:cNvPr>
          <p:cNvSpPr/>
          <p:nvPr/>
        </p:nvSpPr>
        <p:spPr>
          <a:xfrm>
            <a:off x="2095066" y="3193967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4</a:t>
            </a:r>
          </a:p>
        </p:txBody>
      </p:sp>
      <p:sp>
        <p:nvSpPr>
          <p:cNvPr id="26" name="Rectangle: Rounded Corners 3">
            <a:extLst>
              <a:ext uri="{FF2B5EF4-FFF2-40B4-BE49-F238E27FC236}">
                <a16:creationId xmlns:a16="http://schemas.microsoft.com/office/drawing/2014/main" id="{9DE3715B-9085-890B-8A62-A21258CCE198}"/>
              </a:ext>
            </a:extLst>
          </p:cNvPr>
          <p:cNvSpPr/>
          <p:nvPr/>
        </p:nvSpPr>
        <p:spPr>
          <a:xfrm>
            <a:off x="2370794" y="4236848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7" name="Oval 26">
            <a:extLst>
              <a:ext uri="{FF2B5EF4-FFF2-40B4-BE49-F238E27FC236}">
                <a16:creationId xmlns:a16="http://schemas.microsoft.com/office/drawing/2014/main" id="{3CC4AA6B-9777-DE1B-B34D-582B8832638B}"/>
              </a:ext>
            </a:extLst>
          </p:cNvPr>
          <p:cNvSpPr/>
          <p:nvPr/>
        </p:nvSpPr>
        <p:spPr>
          <a:xfrm>
            <a:off x="2095066" y="4142088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5</a:t>
            </a:r>
          </a:p>
        </p:txBody>
      </p:sp>
      <p:sp>
        <p:nvSpPr>
          <p:cNvPr id="28" name="Rectangle: Rounded Corners 3">
            <a:extLst>
              <a:ext uri="{FF2B5EF4-FFF2-40B4-BE49-F238E27FC236}">
                <a16:creationId xmlns:a16="http://schemas.microsoft.com/office/drawing/2014/main" id="{824DB2A0-44E4-34AD-794D-A4D9EAFE5D5F}"/>
              </a:ext>
            </a:extLst>
          </p:cNvPr>
          <p:cNvSpPr/>
          <p:nvPr/>
        </p:nvSpPr>
        <p:spPr>
          <a:xfrm>
            <a:off x="2370794" y="5162668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9" name="Oval 28">
            <a:extLst>
              <a:ext uri="{FF2B5EF4-FFF2-40B4-BE49-F238E27FC236}">
                <a16:creationId xmlns:a16="http://schemas.microsoft.com/office/drawing/2014/main" id="{C2D5FD96-E56E-775C-F609-25C165CC9076}"/>
              </a:ext>
            </a:extLst>
          </p:cNvPr>
          <p:cNvSpPr/>
          <p:nvPr/>
        </p:nvSpPr>
        <p:spPr>
          <a:xfrm>
            <a:off x="2095066" y="5067907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6</a:t>
            </a:r>
          </a:p>
        </p:txBody>
      </p:sp>
      <p:sp>
        <p:nvSpPr>
          <p:cNvPr id="19" name="Rectangle: Rounded Corners 3">
            <a:extLst>
              <a:ext uri="{FF2B5EF4-FFF2-40B4-BE49-F238E27FC236}">
                <a16:creationId xmlns:a16="http://schemas.microsoft.com/office/drawing/2014/main" id="{3957A94A-25C0-5722-50BE-FC0FF624085D}"/>
              </a:ext>
            </a:extLst>
          </p:cNvPr>
          <p:cNvSpPr/>
          <p:nvPr/>
        </p:nvSpPr>
        <p:spPr>
          <a:xfrm>
            <a:off x="2332634" y="515240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30" name="Oval 29">
            <a:extLst>
              <a:ext uri="{FF2B5EF4-FFF2-40B4-BE49-F238E27FC236}">
                <a16:creationId xmlns:a16="http://schemas.microsoft.com/office/drawing/2014/main" id="{96B1B169-AF18-F2FA-1E86-2CC9A7C619F6}"/>
              </a:ext>
            </a:extLst>
          </p:cNvPr>
          <p:cNvSpPr/>
          <p:nvPr/>
        </p:nvSpPr>
        <p:spPr>
          <a:xfrm>
            <a:off x="2056905" y="420479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1</a:t>
            </a:r>
          </a:p>
        </p:txBody>
      </p:sp>
      <p:sp>
        <p:nvSpPr>
          <p:cNvPr id="32" name="Rectangle: Rounded Corners 3">
            <a:extLst>
              <a:ext uri="{FF2B5EF4-FFF2-40B4-BE49-F238E27FC236}">
                <a16:creationId xmlns:a16="http://schemas.microsoft.com/office/drawing/2014/main" id="{74DF7100-9FFF-069D-9913-313DE780E391}"/>
              </a:ext>
            </a:extLst>
          </p:cNvPr>
          <p:cNvSpPr/>
          <p:nvPr/>
        </p:nvSpPr>
        <p:spPr>
          <a:xfrm>
            <a:off x="2370794" y="6104568"/>
            <a:ext cx="5509249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34" name="Oval 33">
            <a:extLst>
              <a:ext uri="{FF2B5EF4-FFF2-40B4-BE49-F238E27FC236}">
                <a16:creationId xmlns:a16="http://schemas.microsoft.com/office/drawing/2014/main" id="{A1A078CC-DB3C-77E0-A848-364A552F12F1}"/>
              </a:ext>
            </a:extLst>
          </p:cNvPr>
          <p:cNvSpPr/>
          <p:nvPr/>
        </p:nvSpPr>
        <p:spPr>
          <a:xfrm>
            <a:off x="2095066" y="6009807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7</a:t>
            </a:r>
          </a:p>
        </p:txBody>
      </p:sp>
    </p:spTree>
    <p:extLst>
      <p:ext uri="{BB962C8B-B14F-4D97-AF65-F5344CB8AC3E}">
        <p14:creationId xmlns:p14="http://schemas.microsoft.com/office/powerpoint/2010/main" val="1397639742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8E6B0736-2F94-54A6-85C8-53F6032B8E68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130764831"/>
              </p:ext>
            </p:extLst>
          </p:nvPr>
        </p:nvGraphicFramePr>
        <p:xfrm>
          <a:off x="152399" y="142240"/>
          <a:ext cx="13319763" cy="1332991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875281">
                  <a:extLst>
                    <a:ext uri="{9D8B030D-6E8A-4147-A177-3AD203B41FA5}">
                      <a16:colId xmlns:a16="http://schemas.microsoft.com/office/drawing/2014/main" val="2196372150"/>
                    </a:ext>
                  </a:extLst>
                </a:gridCol>
                <a:gridCol w="2621280">
                  <a:extLst>
                    <a:ext uri="{9D8B030D-6E8A-4147-A177-3AD203B41FA5}">
                      <a16:colId xmlns:a16="http://schemas.microsoft.com/office/drawing/2014/main" val="898667060"/>
                    </a:ext>
                  </a:extLst>
                </a:gridCol>
                <a:gridCol w="3515360">
                  <a:extLst>
                    <a:ext uri="{9D8B030D-6E8A-4147-A177-3AD203B41FA5}">
                      <a16:colId xmlns:a16="http://schemas.microsoft.com/office/drawing/2014/main" val="1809554896"/>
                    </a:ext>
                  </a:extLst>
                </a:gridCol>
                <a:gridCol w="4307842">
                  <a:extLst>
                    <a:ext uri="{9D8B030D-6E8A-4147-A177-3AD203B41FA5}">
                      <a16:colId xmlns:a16="http://schemas.microsoft.com/office/drawing/2014/main" val="1604863275"/>
                    </a:ext>
                  </a:extLst>
                </a:gridCol>
              </a:tblGrid>
              <a:tr h="1517655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Root OU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Region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Distric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Facilit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501152959"/>
                  </a:ext>
                </a:extLst>
              </a:tr>
              <a:tr h="984355">
                <a:tc rowSpan="12">
                  <a:txBody>
                    <a:bodyPr/>
                    <a:lstStyle/>
                    <a:p>
                      <a:pPr algn="ctr"/>
                      <a:r>
                        <a:rPr lang="en-US" sz="2200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Trainingland</a:t>
                      </a:r>
                      <a:endParaRPr lang="en-US" sz="220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6"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ood Region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Vegetable Distric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Carrot District Hospital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294181111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Spinach Health Center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65857791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ruit District 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Apple Health Center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16388231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Banana District Hospital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41375830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Dinner Distric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Spaghetti Health Center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19985776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Lasagna Private Hospital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61888844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6">
                  <a:txBody>
                    <a:bodyPr/>
                    <a:lstStyle/>
                    <a:p>
                      <a:pPr algn="ctr"/>
                      <a:endParaRPr lang="en-US" sz="2200" b="1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Ostrich Health Center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555239169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16495215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55069438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704954224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Herring Health Center 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258373572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2711545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38430700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B8A8A770-CD3E-60A0-78DB-F837A395BD40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784925" y="350837"/>
            <a:ext cx="10109638" cy="6858000"/>
          </a:xfrm>
          <a:prstGeom prst="rect">
            <a:avLst/>
          </a:prstGeom>
        </p:spPr>
      </p:pic>
      <p:sp>
        <p:nvSpPr>
          <p:cNvPr id="3" name="Rounded Rectangle 2">
            <a:extLst>
              <a:ext uri="{FF2B5EF4-FFF2-40B4-BE49-F238E27FC236}">
                <a16:creationId xmlns:a16="http://schemas.microsoft.com/office/drawing/2014/main" id="{A2F64792-97A8-720E-CCCB-008221890581}"/>
              </a:ext>
            </a:extLst>
          </p:cNvPr>
          <p:cNvSpPr/>
          <p:nvPr/>
        </p:nvSpPr>
        <p:spPr>
          <a:xfrm>
            <a:off x="2002705" y="6327571"/>
            <a:ext cx="2226365" cy="662609"/>
          </a:xfrm>
          <a:prstGeom prst="round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/>
          </a:p>
        </p:txBody>
      </p:sp>
      <p:sp>
        <p:nvSpPr>
          <p:cNvPr id="4" name="Rounded Rectangle 3">
            <a:extLst>
              <a:ext uri="{FF2B5EF4-FFF2-40B4-BE49-F238E27FC236}">
                <a16:creationId xmlns:a16="http://schemas.microsoft.com/office/drawing/2014/main" id="{5F4BDDAD-AC1E-A60D-C367-B3F71A1D57C8}"/>
              </a:ext>
            </a:extLst>
          </p:cNvPr>
          <p:cNvSpPr/>
          <p:nvPr/>
        </p:nvSpPr>
        <p:spPr>
          <a:xfrm>
            <a:off x="2115345" y="1649551"/>
            <a:ext cx="1371600" cy="457200"/>
          </a:xfrm>
          <a:prstGeom prst="round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/>
          </a:p>
        </p:txBody>
      </p:sp>
      <p:sp>
        <p:nvSpPr>
          <p:cNvPr id="5" name="Rounded Rectangle 4">
            <a:extLst>
              <a:ext uri="{FF2B5EF4-FFF2-40B4-BE49-F238E27FC236}">
                <a16:creationId xmlns:a16="http://schemas.microsoft.com/office/drawing/2014/main" id="{AD6839C9-5DD1-9768-FD3B-C2B974E1D0CF}"/>
              </a:ext>
            </a:extLst>
          </p:cNvPr>
          <p:cNvSpPr/>
          <p:nvPr/>
        </p:nvSpPr>
        <p:spPr>
          <a:xfrm>
            <a:off x="9463680" y="6327567"/>
            <a:ext cx="675859" cy="662608"/>
          </a:xfrm>
          <a:prstGeom prst="round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/>
          </a:p>
        </p:txBody>
      </p:sp>
      <p:sp>
        <p:nvSpPr>
          <p:cNvPr id="6" name="Rounded Rectangle 5">
            <a:extLst>
              <a:ext uri="{FF2B5EF4-FFF2-40B4-BE49-F238E27FC236}">
                <a16:creationId xmlns:a16="http://schemas.microsoft.com/office/drawing/2014/main" id="{F4C97442-535C-F493-70EE-B57A718BFB33}"/>
              </a:ext>
            </a:extLst>
          </p:cNvPr>
          <p:cNvSpPr/>
          <p:nvPr/>
        </p:nvSpPr>
        <p:spPr>
          <a:xfrm>
            <a:off x="10205799" y="6334192"/>
            <a:ext cx="1205949" cy="662608"/>
          </a:xfrm>
          <a:prstGeom prst="round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/>
          </a:p>
        </p:txBody>
      </p:sp>
      <p:sp>
        <p:nvSpPr>
          <p:cNvPr id="7" name="Rounded Rectangle 6">
            <a:extLst>
              <a:ext uri="{FF2B5EF4-FFF2-40B4-BE49-F238E27FC236}">
                <a16:creationId xmlns:a16="http://schemas.microsoft.com/office/drawing/2014/main" id="{ADBC6210-BF71-D4DA-7B72-4F6C3CFA8118}"/>
              </a:ext>
            </a:extLst>
          </p:cNvPr>
          <p:cNvSpPr/>
          <p:nvPr/>
        </p:nvSpPr>
        <p:spPr>
          <a:xfrm>
            <a:off x="4262199" y="6340822"/>
            <a:ext cx="2100468" cy="662609"/>
          </a:xfrm>
          <a:prstGeom prst="round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/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43635576-2144-09F3-DB31-6DAFA2D0D87B}"/>
              </a:ext>
            </a:extLst>
          </p:cNvPr>
          <p:cNvSpPr/>
          <p:nvPr/>
        </p:nvSpPr>
        <p:spPr>
          <a:xfrm>
            <a:off x="3327918" y="1477272"/>
            <a:ext cx="463826" cy="463826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1</a:t>
            </a:r>
          </a:p>
        </p:txBody>
      </p:sp>
      <p:sp>
        <p:nvSpPr>
          <p:cNvPr id="9" name="Oval 8">
            <a:extLst>
              <a:ext uri="{FF2B5EF4-FFF2-40B4-BE49-F238E27FC236}">
                <a16:creationId xmlns:a16="http://schemas.microsoft.com/office/drawing/2014/main" id="{85F169E2-72E6-D426-7B12-85B77A865767}"/>
              </a:ext>
            </a:extLst>
          </p:cNvPr>
          <p:cNvSpPr/>
          <p:nvPr/>
        </p:nvSpPr>
        <p:spPr>
          <a:xfrm>
            <a:off x="2864093" y="6029394"/>
            <a:ext cx="463826" cy="463826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2</a:t>
            </a:r>
          </a:p>
        </p:txBody>
      </p:sp>
      <p:sp>
        <p:nvSpPr>
          <p:cNvPr id="10" name="Oval 9">
            <a:extLst>
              <a:ext uri="{FF2B5EF4-FFF2-40B4-BE49-F238E27FC236}">
                <a16:creationId xmlns:a16="http://schemas.microsoft.com/office/drawing/2014/main" id="{D18A4C9F-4D57-6F3A-95DA-CF1987BAE166}"/>
              </a:ext>
            </a:extLst>
          </p:cNvPr>
          <p:cNvSpPr/>
          <p:nvPr/>
        </p:nvSpPr>
        <p:spPr>
          <a:xfrm>
            <a:off x="6140250" y="6085713"/>
            <a:ext cx="463826" cy="463826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3</a:t>
            </a:r>
          </a:p>
        </p:txBody>
      </p:sp>
      <p:sp>
        <p:nvSpPr>
          <p:cNvPr id="11" name="Oval 10">
            <a:extLst>
              <a:ext uri="{FF2B5EF4-FFF2-40B4-BE49-F238E27FC236}">
                <a16:creationId xmlns:a16="http://schemas.microsoft.com/office/drawing/2014/main" id="{812CE0ED-978B-2A09-ECBC-0ADA32BFD6E6}"/>
              </a:ext>
            </a:extLst>
          </p:cNvPr>
          <p:cNvSpPr/>
          <p:nvPr/>
        </p:nvSpPr>
        <p:spPr>
          <a:xfrm>
            <a:off x="9198634" y="6108906"/>
            <a:ext cx="463826" cy="463826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4</a:t>
            </a:r>
          </a:p>
        </p:txBody>
      </p:sp>
      <p:sp>
        <p:nvSpPr>
          <p:cNvPr id="12" name="Oval 11">
            <a:extLst>
              <a:ext uri="{FF2B5EF4-FFF2-40B4-BE49-F238E27FC236}">
                <a16:creationId xmlns:a16="http://schemas.microsoft.com/office/drawing/2014/main" id="{91034226-85EC-7519-0067-2FA90AA2E9D9}"/>
              </a:ext>
            </a:extLst>
          </p:cNvPr>
          <p:cNvSpPr/>
          <p:nvPr/>
        </p:nvSpPr>
        <p:spPr>
          <a:xfrm>
            <a:off x="11179831" y="6118840"/>
            <a:ext cx="463826" cy="463826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5</a:t>
            </a:r>
          </a:p>
        </p:txBody>
      </p:sp>
    </p:spTree>
    <p:extLst>
      <p:ext uri="{BB962C8B-B14F-4D97-AF65-F5344CB8AC3E}">
        <p14:creationId xmlns:p14="http://schemas.microsoft.com/office/powerpoint/2010/main" val="4062310638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1">
            <a:extLst>
              <a:ext uri="{FF2B5EF4-FFF2-40B4-BE49-F238E27FC236}">
                <a16:creationId xmlns:a16="http://schemas.microsoft.com/office/drawing/2014/main" id="{02A23B45-580A-11AB-1B29-32D686A1918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423527005"/>
              </p:ext>
            </p:extLst>
          </p:nvPr>
        </p:nvGraphicFramePr>
        <p:xfrm>
          <a:off x="230188" y="162560"/>
          <a:ext cx="13241972" cy="1251643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224892">
                  <a:extLst>
                    <a:ext uri="{9D8B030D-6E8A-4147-A177-3AD203B41FA5}">
                      <a16:colId xmlns:a16="http://schemas.microsoft.com/office/drawing/2014/main" val="3238885720"/>
                    </a:ext>
                  </a:extLst>
                </a:gridCol>
                <a:gridCol w="4397911">
                  <a:extLst>
                    <a:ext uri="{9D8B030D-6E8A-4147-A177-3AD203B41FA5}">
                      <a16:colId xmlns:a16="http://schemas.microsoft.com/office/drawing/2014/main" val="3261493579"/>
                    </a:ext>
                  </a:extLst>
                </a:gridCol>
                <a:gridCol w="4619169">
                  <a:extLst>
                    <a:ext uri="{9D8B030D-6E8A-4147-A177-3AD203B41FA5}">
                      <a16:colId xmlns:a16="http://schemas.microsoft.com/office/drawing/2014/main" val="1836943879"/>
                    </a:ext>
                  </a:extLst>
                </a:gridCol>
              </a:tblGrid>
              <a:tr h="87376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Org. Unit Group Se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Org. Unit Group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Org. Unit Nam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817374473"/>
                  </a:ext>
                </a:extLst>
              </a:tr>
              <a:tr h="970223">
                <a:tc rowSpan="12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4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916420130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70831340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01786045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279955386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8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569383232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542221989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94149437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93826983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756658987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99112632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53358335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733193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206813459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8ED903CC-12EF-AC2A-6209-0E89DC49FBC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74049713"/>
              </p:ext>
            </p:extLst>
          </p:nvPr>
        </p:nvGraphicFramePr>
        <p:xfrm>
          <a:off x="152399" y="437210"/>
          <a:ext cx="19374466" cy="545507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182284">
                  <a:extLst>
                    <a:ext uri="{9D8B030D-6E8A-4147-A177-3AD203B41FA5}">
                      <a16:colId xmlns:a16="http://schemas.microsoft.com/office/drawing/2014/main" val="2196372150"/>
                    </a:ext>
                  </a:extLst>
                </a:gridCol>
                <a:gridCol w="3812823">
                  <a:extLst>
                    <a:ext uri="{9D8B030D-6E8A-4147-A177-3AD203B41FA5}">
                      <a16:colId xmlns:a16="http://schemas.microsoft.com/office/drawing/2014/main" val="898667060"/>
                    </a:ext>
                  </a:extLst>
                </a:gridCol>
                <a:gridCol w="5113321">
                  <a:extLst>
                    <a:ext uri="{9D8B030D-6E8A-4147-A177-3AD203B41FA5}">
                      <a16:colId xmlns:a16="http://schemas.microsoft.com/office/drawing/2014/main" val="1809554896"/>
                    </a:ext>
                  </a:extLst>
                </a:gridCol>
                <a:gridCol w="6266038">
                  <a:extLst>
                    <a:ext uri="{9D8B030D-6E8A-4147-A177-3AD203B41FA5}">
                      <a16:colId xmlns:a16="http://schemas.microsoft.com/office/drawing/2014/main" val="1604863275"/>
                    </a:ext>
                  </a:extLst>
                </a:gridCol>
              </a:tblGrid>
              <a:tr h="1517655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Root OU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Region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Distric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Facilit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501152959"/>
                  </a:ext>
                </a:extLst>
              </a:tr>
              <a:tr h="984355">
                <a:tc rowSpan="4">
                  <a:txBody>
                    <a:bodyPr/>
                    <a:lstStyle/>
                    <a:p>
                      <a:pPr algn="ctr"/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Root – Your nam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4">
                  <a:txBody>
                    <a:bodyPr/>
                    <a:lstStyle/>
                    <a:p>
                      <a:pPr algn="ctr"/>
                      <a:r>
                        <a:rPr lang="en-US" sz="2200" i="1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200" i="1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200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Animal</a:t>
                      </a:r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region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200" i="1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200" i="1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200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Bird</a:t>
                      </a:r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Distric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i="1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200" i="1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200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Ostrich</a:t>
                      </a:r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Health Center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294181111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20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200" i="1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200" i="1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200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Peacock</a:t>
                      </a:r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Private Hospital</a:t>
                      </a:r>
                    </a:p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65857791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20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200" i="1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200" i="1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200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Dog</a:t>
                      </a:r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District</a:t>
                      </a:r>
                    </a:p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200" i="1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200" i="1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200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Bulldog</a:t>
                      </a:r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Health Center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16388231"/>
                  </a:ext>
                </a:extLst>
              </a:tr>
              <a:tr h="984355">
                <a:tc vMerge="1">
                  <a:txBody>
                    <a:bodyPr/>
                    <a:lstStyle/>
                    <a:p>
                      <a:pPr algn="ctr"/>
                      <a:endParaRPr lang="en-US" sz="220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200" i="1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200" i="1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200" kern="1200" dirty="0" err="1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Dalmatian</a:t>
                      </a:r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Private Hospital</a:t>
                      </a:r>
                    </a:p>
                    <a:p>
                      <a:pPr algn="ctr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4137583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946929603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1">
            <a:extLst>
              <a:ext uri="{FF2B5EF4-FFF2-40B4-BE49-F238E27FC236}">
                <a16:creationId xmlns:a16="http://schemas.microsoft.com/office/drawing/2014/main" id="{02A23B45-580A-11AB-1B29-32D686A1918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86142427"/>
              </p:ext>
            </p:extLst>
          </p:nvPr>
        </p:nvGraphicFramePr>
        <p:xfrm>
          <a:off x="230187" y="162560"/>
          <a:ext cx="15816058" cy="475465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813761">
                  <a:extLst>
                    <a:ext uri="{9D8B030D-6E8A-4147-A177-3AD203B41FA5}">
                      <a16:colId xmlns:a16="http://schemas.microsoft.com/office/drawing/2014/main" val="3238885720"/>
                    </a:ext>
                  </a:extLst>
                </a:gridCol>
                <a:gridCol w="3893575">
                  <a:extLst>
                    <a:ext uri="{9D8B030D-6E8A-4147-A177-3AD203B41FA5}">
                      <a16:colId xmlns:a16="http://schemas.microsoft.com/office/drawing/2014/main" val="3261493579"/>
                    </a:ext>
                  </a:extLst>
                </a:gridCol>
                <a:gridCol w="7108722">
                  <a:extLst>
                    <a:ext uri="{9D8B030D-6E8A-4147-A177-3AD203B41FA5}">
                      <a16:colId xmlns:a16="http://schemas.microsoft.com/office/drawing/2014/main" val="1836943879"/>
                    </a:ext>
                  </a:extLst>
                </a:gridCol>
              </a:tblGrid>
              <a:tr h="87376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Org. Unit Group Se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Org. Unit Group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Org. Unit Nam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817374473"/>
                  </a:ext>
                </a:extLst>
              </a:tr>
              <a:tr h="970223">
                <a:tc rowSpan="4">
                  <a:txBody>
                    <a:bodyPr/>
                    <a:lstStyle/>
                    <a:p>
                      <a:pPr algn="ctr"/>
                      <a:r>
                        <a:rPr lang="en-US" sz="2400" i="1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400" i="1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400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Ownership</a:t>
                      </a:r>
                      <a:r>
                        <a:rPr lang="en-US" sz="24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Typ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400" i="1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400" i="1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400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Private</a:t>
                      </a:r>
                      <a:endParaRPr lang="en-US" sz="240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400" i="1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400" i="1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400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Peacock</a:t>
                      </a:r>
                      <a:r>
                        <a:rPr lang="en-US" sz="24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Private Hospital</a:t>
                      </a:r>
                    </a:p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916420130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400" i="1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400" i="1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400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Dalmatian</a:t>
                      </a:r>
                      <a:r>
                        <a:rPr lang="en-US" sz="24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Private </a:t>
                      </a:r>
                      <a:r>
                        <a:rPr lang="en-US" sz="2400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Hospitak</a:t>
                      </a:r>
                      <a:endParaRPr lang="en-US" sz="240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70831340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400" i="1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400" i="1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400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Public</a:t>
                      </a:r>
                      <a:endParaRPr lang="en-US" sz="240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400" i="1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400" i="1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_</a:t>
                      </a:r>
                      <a:r>
                        <a:rPr lang="en-US" sz="2400" i="0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Bulldog</a:t>
                      </a:r>
                      <a:r>
                        <a:rPr lang="en-US" sz="2400" i="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Health Center</a:t>
                      </a:r>
                    </a:p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01786045"/>
                  </a:ext>
                </a:extLst>
              </a:tr>
              <a:tr h="970223">
                <a:tc vMerge="1">
                  <a:txBody>
                    <a:bodyPr/>
                    <a:lstStyle/>
                    <a:p>
                      <a:pPr algn="ctr"/>
                      <a:endParaRPr lang="en-US" sz="24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35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400" i="1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Your </a:t>
                      </a:r>
                      <a:r>
                        <a:rPr lang="en-US" sz="2400" i="1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initials</a:t>
                      </a:r>
                      <a:r>
                        <a:rPr lang="en-US" sz="2400" dirty="0" err="1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_Ostrich</a:t>
                      </a:r>
                      <a:r>
                        <a:rPr lang="en-US" sz="24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Health Center</a:t>
                      </a:r>
                    </a:p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27995538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186495800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hevron 2">
            <a:extLst>
              <a:ext uri="{FF2B5EF4-FFF2-40B4-BE49-F238E27FC236}">
                <a16:creationId xmlns:a16="http://schemas.microsoft.com/office/drawing/2014/main" id="{F1CBEB0A-7B76-9394-C0B7-278DE12EBEDC}"/>
              </a:ext>
            </a:extLst>
          </p:cNvPr>
          <p:cNvSpPr/>
          <p:nvPr/>
        </p:nvSpPr>
        <p:spPr>
          <a:xfrm rot="10800000" flipH="1" flipV="1">
            <a:off x="1946152" y="3642791"/>
            <a:ext cx="3512449" cy="1669899"/>
          </a:xfrm>
          <a:prstGeom prst="chevron">
            <a:avLst/>
          </a:prstGeom>
          <a:solidFill>
            <a:schemeClr val="bg1"/>
          </a:solidFill>
          <a:ln w="762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NO" dirty="0">
              <a:solidFill>
                <a:schemeClr val="tx1"/>
              </a:solidFill>
            </a:endParaRPr>
          </a:p>
        </p:txBody>
      </p:sp>
      <p:sp>
        <p:nvSpPr>
          <p:cNvPr id="30" name="Chevron 29">
            <a:extLst>
              <a:ext uri="{FF2B5EF4-FFF2-40B4-BE49-F238E27FC236}">
                <a16:creationId xmlns:a16="http://schemas.microsoft.com/office/drawing/2014/main" id="{03BC5202-26C4-3CC4-F0FB-E2DB19679E26}"/>
              </a:ext>
            </a:extLst>
          </p:cNvPr>
          <p:cNvSpPr/>
          <p:nvPr/>
        </p:nvSpPr>
        <p:spPr>
          <a:xfrm rot="10800000" flipH="1" flipV="1">
            <a:off x="5109380" y="3642791"/>
            <a:ext cx="3512449" cy="1669899"/>
          </a:xfrm>
          <a:prstGeom prst="chevron">
            <a:avLst/>
          </a:prstGeom>
          <a:solidFill>
            <a:schemeClr val="bg1"/>
          </a:solidFill>
          <a:ln w="762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NO" dirty="0">
              <a:solidFill>
                <a:schemeClr val="tx1"/>
              </a:solidFill>
            </a:endParaRPr>
          </a:p>
        </p:txBody>
      </p:sp>
      <p:sp>
        <p:nvSpPr>
          <p:cNvPr id="31" name="Chevron 30">
            <a:extLst>
              <a:ext uri="{FF2B5EF4-FFF2-40B4-BE49-F238E27FC236}">
                <a16:creationId xmlns:a16="http://schemas.microsoft.com/office/drawing/2014/main" id="{C8C2F457-52E1-8FC6-9270-B0CCFEB6D643}"/>
              </a:ext>
            </a:extLst>
          </p:cNvPr>
          <p:cNvSpPr/>
          <p:nvPr/>
        </p:nvSpPr>
        <p:spPr>
          <a:xfrm rot="10800000" flipH="1" flipV="1">
            <a:off x="8272609" y="3642792"/>
            <a:ext cx="3512449" cy="1669899"/>
          </a:xfrm>
          <a:prstGeom prst="chevron">
            <a:avLst/>
          </a:prstGeom>
          <a:solidFill>
            <a:schemeClr val="bg1"/>
          </a:solidFill>
          <a:ln w="762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NO" dirty="0">
              <a:solidFill>
                <a:schemeClr val="tx1"/>
              </a:solidFill>
            </a:endParaRPr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2CA66333-9F95-B1D2-CF6C-70B0C3684C07}"/>
              </a:ext>
            </a:extLst>
          </p:cNvPr>
          <p:cNvSpPr/>
          <p:nvPr/>
        </p:nvSpPr>
        <p:spPr>
          <a:xfrm>
            <a:off x="2983027" y="2572051"/>
            <a:ext cx="875462" cy="875462"/>
          </a:xfrm>
          <a:prstGeom prst="ellipse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sz="3600" dirty="0"/>
              <a:t>1</a:t>
            </a:r>
          </a:p>
        </p:txBody>
      </p:sp>
      <p:sp>
        <p:nvSpPr>
          <p:cNvPr id="32" name="Oval 31">
            <a:extLst>
              <a:ext uri="{FF2B5EF4-FFF2-40B4-BE49-F238E27FC236}">
                <a16:creationId xmlns:a16="http://schemas.microsoft.com/office/drawing/2014/main" id="{5D6FEEA1-5E55-7900-7345-AAB15199C474}"/>
              </a:ext>
            </a:extLst>
          </p:cNvPr>
          <p:cNvSpPr/>
          <p:nvPr/>
        </p:nvSpPr>
        <p:spPr>
          <a:xfrm>
            <a:off x="6018108" y="2572051"/>
            <a:ext cx="875462" cy="875462"/>
          </a:xfrm>
          <a:prstGeom prst="ellipse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sz="3600" dirty="0"/>
              <a:t>2</a:t>
            </a:r>
          </a:p>
        </p:txBody>
      </p:sp>
      <p:sp>
        <p:nvSpPr>
          <p:cNvPr id="33" name="Oval 32">
            <a:extLst>
              <a:ext uri="{FF2B5EF4-FFF2-40B4-BE49-F238E27FC236}">
                <a16:creationId xmlns:a16="http://schemas.microsoft.com/office/drawing/2014/main" id="{3CB7BE20-01A9-E7FE-9874-68F60AEC13CA}"/>
              </a:ext>
            </a:extLst>
          </p:cNvPr>
          <p:cNvSpPr/>
          <p:nvPr/>
        </p:nvSpPr>
        <p:spPr>
          <a:xfrm>
            <a:off x="9222225" y="2572051"/>
            <a:ext cx="875462" cy="875462"/>
          </a:xfrm>
          <a:prstGeom prst="ellipse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sz="3600" dirty="0"/>
              <a:t>3</a:t>
            </a:r>
          </a:p>
        </p:txBody>
      </p:sp>
    </p:spTree>
    <p:extLst>
      <p:ext uri="{BB962C8B-B14F-4D97-AF65-F5344CB8AC3E}">
        <p14:creationId xmlns:p14="http://schemas.microsoft.com/office/powerpoint/2010/main" val="3282120357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1">
            <a:extLst>
              <a:ext uri="{FF2B5EF4-FFF2-40B4-BE49-F238E27FC236}">
                <a16:creationId xmlns:a16="http://schemas.microsoft.com/office/drawing/2014/main" id="{007B2294-4AAB-7985-662D-0840D01816A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53448070"/>
              </p:ext>
            </p:extLst>
          </p:nvPr>
        </p:nvGraphicFramePr>
        <p:xfrm>
          <a:off x="117988" y="1209367"/>
          <a:ext cx="13126066" cy="396211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97318">
                  <a:extLst>
                    <a:ext uri="{9D8B030D-6E8A-4147-A177-3AD203B41FA5}">
                      <a16:colId xmlns:a16="http://schemas.microsoft.com/office/drawing/2014/main" val="283770964"/>
                    </a:ext>
                  </a:extLst>
                </a:gridCol>
                <a:gridCol w="2567484">
                  <a:extLst>
                    <a:ext uri="{9D8B030D-6E8A-4147-A177-3AD203B41FA5}">
                      <a16:colId xmlns:a16="http://schemas.microsoft.com/office/drawing/2014/main" val="3587164534"/>
                    </a:ext>
                  </a:extLst>
                </a:gridCol>
                <a:gridCol w="2534571">
                  <a:extLst>
                    <a:ext uri="{9D8B030D-6E8A-4147-A177-3AD203B41FA5}">
                      <a16:colId xmlns:a16="http://schemas.microsoft.com/office/drawing/2014/main" val="1841907053"/>
                    </a:ext>
                  </a:extLst>
                </a:gridCol>
                <a:gridCol w="2426693">
                  <a:extLst>
                    <a:ext uri="{9D8B030D-6E8A-4147-A177-3AD203B41FA5}">
                      <a16:colId xmlns:a16="http://schemas.microsoft.com/office/drawing/2014/main" val="3584349205"/>
                    </a:ext>
                  </a:extLst>
                </a:gridCol>
              </a:tblGrid>
              <a:tr h="792423">
                <a:tc gridSpan="4">
                  <a:txBody>
                    <a:bodyPr/>
                    <a:lstStyle/>
                    <a:p>
                      <a:pPr lvl="1" algn="l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  Case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l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727880823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3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Valu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80215521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0 – 14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5-19 Years</a:t>
                      </a:r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20+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98704945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Suspected malaria case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83887644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Confirmed malaria cases 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02307308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043248614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2">
            <a:extLst>
              <a:ext uri="{FF2B5EF4-FFF2-40B4-BE49-F238E27FC236}">
                <a16:creationId xmlns:a16="http://schemas.microsoft.com/office/drawing/2014/main" id="{09CB21E3-ECB5-0F25-B03B-45F7310DFF91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466010016"/>
              </p:ext>
            </p:extLst>
          </p:nvPr>
        </p:nvGraphicFramePr>
        <p:xfrm>
          <a:off x="152399" y="528320"/>
          <a:ext cx="13319762" cy="5904213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773790">
                  <a:extLst>
                    <a:ext uri="{9D8B030D-6E8A-4147-A177-3AD203B41FA5}">
                      <a16:colId xmlns:a16="http://schemas.microsoft.com/office/drawing/2014/main" val="2196372150"/>
                    </a:ext>
                  </a:extLst>
                </a:gridCol>
                <a:gridCol w="4272986">
                  <a:extLst>
                    <a:ext uri="{9D8B030D-6E8A-4147-A177-3AD203B41FA5}">
                      <a16:colId xmlns:a16="http://schemas.microsoft.com/office/drawing/2014/main" val="898667060"/>
                    </a:ext>
                  </a:extLst>
                </a:gridCol>
                <a:gridCol w="4272986">
                  <a:extLst>
                    <a:ext uri="{9D8B030D-6E8A-4147-A177-3AD203B41FA5}">
                      <a16:colId xmlns:a16="http://schemas.microsoft.com/office/drawing/2014/main" val="1604863275"/>
                    </a:ext>
                  </a:extLst>
                </a:gridCol>
              </a:tblGrid>
              <a:tr h="1402080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Category Option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Categor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Category combination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501152959"/>
                  </a:ext>
                </a:extLst>
              </a:tr>
              <a:tr h="1500711">
                <a:tc>
                  <a:txBody>
                    <a:bodyPr/>
                    <a:lstStyle/>
                    <a:p>
                      <a:pPr lvl="0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3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3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17920591"/>
                  </a:ext>
                </a:extLst>
              </a:tr>
              <a:tr h="1500711">
                <a:tc>
                  <a:txBody>
                    <a:bodyPr/>
                    <a:lstStyle/>
                    <a:p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87476168"/>
                  </a:ext>
                </a:extLst>
              </a:tr>
              <a:tr h="1500711">
                <a:tc>
                  <a:txBody>
                    <a:bodyPr/>
                    <a:lstStyle/>
                    <a:p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4628908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857962940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1">
            <a:extLst>
              <a:ext uri="{FF2B5EF4-FFF2-40B4-BE49-F238E27FC236}">
                <a16:creationId xmlns:a16="http://schemas.microsoft.com/office/drawing/2014/main" id="{50F6A83C-D013-41F5-B28F-CD82B02B88E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914484050"/>
              </p:ext>
            </p:extLst>
          </p:nvPr>
        </p:nvGraphicFramePr>
        <p:xfrm>
          <a:off x="0" y="0"/>
          <a:ext cx="13485895" cy="475453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750759">
                  <a:extLst>
                    <a:ext uri="{9D8B030D-6E8A-4147-A177-3AD203B41FA5}">
                      <a16:colId xmlns:a16="http://schemas.microsoft.com/office/drawing/2014/main" val="283770964"/>
                    </a:ext>
                  </a:extLst>
                </a:gridCol>
                <a:gridCol w="1286145">
                  <a:extLst>
                    <a:ext uri="{9D8B030D-6E8A-4147-A177-3AD203B41FA5}">
                      <a16:colId xmlns:a16="http://schemas.microsoft.com/office/drawing/2014/main" val="3587164534"/>
                    </a:ext>
                  </a:extLst>
                </a:gridCol>
                <a:gridCol w="1351722">
                  <a:extLst>
                    <a:ext uri="{9D8B030D-6E8A-4147-A177-3AD203B41FA5}">
                      <a16:colId xmlns:a16="http://schemas.microsoft.com/office/drawing/2014/main" val="1428711820"/>
                    </a:ext>
                  </a:extLst>
                </a:gridCol>
                <a:gridCol w="1232452">
                  <a:extLst>
                    <a:ext uri="{9D8B030D-6E8A-4147-A177-3AD203B41FA5}">
                      <a16:colId xmlns:a16="http://schemas.microsoft.com/office/drawing/2014/main" val="1841907053"/>
                    </a:ext>
                  </a:extLst>
                </a:gridCol>
                <a:gridCol w="1371600">
                  <a:extLst>
                    <a:ext uri="{9D8B030D-6E8A-4147-A177-3AD203B41FA5}">
                      <a16:colId xmlns:a16="http://schemas.microsoft.com/office/drawing/2014/main" val="3139049133"/>
                    </a:ext>
                  </a:extLst>
                </a:gridCol>
                <a:gridCol w="1311965">
                  <a:extLst>
                    <a:ext uri="{9D8B030D-6E8A-4147-A177-3AD203B41FA5}">
                      <a16:colId xmlns:a16="http://schemas.microsoft.com/office/drawing/2014/main" val="3584349205"/>
                    </a:ext>
                  </a:extLst>
                </a:gridCol>
                <a:gridCol w="1181252">
                  <a:extLst>
                    <a:ext uri="{9D8B030D-6E8A-4147-A177-3AD203B41FA5}">
                      <a16:colId xmlns:a16="http://schemas.microsoft.com/office/drawing/2014/main" val="2821472952"/>
                    </a:ext>
                  </a:extLst>
                </a:gridCol>
              </a:tblGrid>
              <a:tr h="792423">
                <a:tc gridSpan="7">
                  <a:txBody>
                    <a:bodyPr/>
                    <a:lstStyle/>
                    <a:p>
                      <a:pPr lvl="1" algn="l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  Laborator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3713980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6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Valu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599040650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0 – 14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5-19 Years</a:t>
                      </a:r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20+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28922020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e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e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e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17946003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aria cases tested with microscop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76668156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aria cases positive with microscop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67586214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450425351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2">
            <a:extLst>
              <a:ext uri="{FF2B5EF4-FFF2-40B4-BE49-F238E27FC236}">
                <a16:creationId xmlns:a16="http://schemas.microsoft.com/office/drawing/2014/main" id="{920B4B3F-7B6B-065D-0A53-7CD26B830C6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406296172"/>
              </p:ext>
            </p:extLst>
          </p:nvPr>
        </p:nvGraphicFramePr>
        <p:xfrm>
          <a:off x="152399" y="142240"/>
          <a:ext cx="13319762" cy="720925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773790">
                  <a:extLst>
                    <a:ext uri="{9D8B030D-6E8A-4147-A177-3AD203B41FA5}">
                      <a16:colId xmlns:a16="http://schemas.microsoft.com/office/drawing/2014/main" val="2196372150"/>
                    </a:ext>
                  </a:extLst>
                </a:gridCol>
                <a:gridCol w="4272986">
                  <a:extLst>
                    <a:ext uri="{9D8B030D-6E8A-4147-A177-3AD203B41FA5}">
                      <a16:colId xmlns:a16="http://schemas.microsoft.com/office/drawing/2014/main" val="898667060"/>
                    </a:ext>
                  </a:extLst>
                </a:gridCol>
                <a:gridCol w="4272986">
                  <a:extLst>
                    <a:ext uri="{9D8B030D-6E8A-4147-A177-3AD203B41FA5}">
                      <a16:colId xmlns:a16="http://schemas.microsoft.com/office/drawing/2014/main" val="1604863275"/>
                    </a:ext>
                  </a:extLst>
                </a:gridCol>
              </a:tblGrid>
              <a:tr h="1135005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Category Option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Categor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Category combination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501152959"/>
                  </a:ext>
                </a:extLst>
              </a:tr>
              <a:tr h="1214849">
                <a:tc>
                  <a:txBody>
                    <a:bodyPr/>
                    <a:lstStyle/>
                    <a:p>
                      <a:pPr lvl="0"/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3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5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17920591"/>
                  </a:ext>
                </a:extLst>
              </a:tr>
              <a:tr h="1214849">
                <a:tc>
                  <a:txBody>
                    <a:bodyPr/>
                    <a:lstStyle/>
                    <a:p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87476168"/>
                  </a:ext>
                </a:extLst>
              </a:tr>
              <a:tr h="1214849">
                <a:tc>
                  <a:txBody>
                    <a:bodyPr/>
                    <a:lstStyle/>
                    <a:p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46289086"/>
                  </a:ext>
                </a:extLst>
              </a:tr>
              <a:tr h="1214849">
                <a:tc>
                  <a:txBody>
                    <a:bodyPr/>
                    <a:lstStyle/>
                    <a:p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28041671"/>
                  </a:ext>
                </a:extLst>
              </a:tr>
              <a:tr h="1214849">
                <a:tc>
                  <a:txBody>
                    <a:bodyPr/>
                    <a:lstStyle/>
                    <a:p>
                      <a:endParaRPr lang="en-US" sz="2200" kern="1200" dirty="0">
                        <a:solidFill>
                          <a:schemeClr val="dk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0181209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625743872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0926ADA1-0C5B-318C-88B5-B0DDFD89C110}"/>
              </a:ext>
            </a:extLst>
          </p:cNvPr>
          <p:cNvSpPr txBox="1"/>
          <p:nvPr/>
        </p:nvSpPr>
        <p:spPr>
          <a:xfrm>
            <a:off x="6094435" y="2204231"/>
            <a:ext cx="11430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dirty="0">
                <a:solidFill>
                  <a:schemeClr val="accent2"/>
                </a:solidFill>
                <a:latin typeface="Rubik" pitchFamily="2" charset="-79"/>
                <a:cs typeface="Rubik" pitchFamily="2" charset="-79"/>
              </a:rPr>
              <a:t>VS.</a:t>
            </a:r>
          </a:p>
        </p:txBody>
      </p:sp>
      <p:sp>
        <p:nvSpPr>
          <p:cNvPr id="3" name="Rectangle: Rounded Corners 17">
            <a:extLst>
              <a:ext uri="{FF2B5EF4-FFF2-40B4-BE49-F238E27FC236}">
                <a16:creationId xmlns:a16="http://schemas.microsoft.com/office/drawing/2014/main" id="{C0618FEE-5D3C-509E-6B12-B79786306417}"/>
              </a:ext>
            </a:extLst>
          </p:cNvPr>
          <p:cNvSpPr/>
          <p:nvPr/>
        </p:nvSpPr>
        <p:spPr>
          <a:xfrm>
            <a:off x="2830703" y="2183946"/>
            <a:ext cx="3066197" cy="640080"/>
          </a:xfrm>
          <a:prstGeom prst="round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Data Elements</a:t>
            </a:r>
          </a:p>
        </p:txBody>
      </p:sp>
      <p:sp>
        <p:nvSpPr>
          <p:cNvPr id="4" name="Rectangle: Rounded Corners 17">
            <a:extLst>
              <a:ext uri="{FF2B5EF4-FFF2-40B4-BE49-F238E27FC236}">
                <a16:creationId xmlns:a16="http://schemas.microsoft.com/office/drawing/2014/main" id="{74B048A5-86C7-489B-B51F-C24CE292AA76}"/>
              </a:ext>
            </a:extLst>
          </p:cNvPr>
          <p:cNvSpPr/>
          <p:nvPr/>
        </p:nvSpPr>
        <p:spPr>
          <a:xfrm>
            <a:off x="7434977" y="2183946"/>
            <a:ext cx="3066197" cy="640080"/>
          </a:xfrm>
          <a:prstGeom prst="round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Indicators</a:t>
            </a:r>
          </a:p>
        </p:txBody>
      </p:sp>
      <p:sp>
        <p:nvSpPr>
          <p:cNvPr id="5" name="Rectangle: Rounded Corners 17">
            <a:extLst>
              <a:ext uri="{FF2B5EF4-FFF2-40B4-BE49-F238E27FC236}">
                <a16:creationId xmlns:a16="http://schemas.microsoft.com/office/drawing/2014/main" id="{843BDEEB-8374-EB95-4311-65623D173562}"/>
              </a:ext>
            </a:extLst>
          </p:cNvPr>
          <p:cNvSpPr/>
          <p:nvPr/>
        </p:nvSpPr>
        <p:spPr>
          <a:xfrm>
            <a:off x="5511830" y="1363007"/>
            <a:ext cx="2308210" cy="640080"/>
          </a:xfrm>
          <a:prstGeom prst="round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/>
              <a:t>“What”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35A599DF-0BC3-CD18-CA08-5C79AA4AB3DE}"/>
              </a:ext>
            </a:extLst>
          </p:cNvPr>
          <p:cNvSpPr txBox="1"/>
          <p:nvPr/>
        </p:nvSpPr>
        <p:spPr>
          <a:xfrm>
            <a:off x="2734443" y="3217096"/>
            <a:ext cx="33590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b="1" dirty="0"/>
              <a:t>Collected</a:t>
            </a:r>
            <a:r>
              <a:rPr lang="en-US" sz="2400" dirty="0"/>
              <a:t> data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65899558-22C5-5BF0-79FB-05D2A72C4601}"/>
              </a:ext>
            </a:extLst>
          </p:cNvPr>
          <p:cNvSpPr txBox="1"/>
          <p:nvPr/>
        </p:nvSpPr>
        <p:spPr>
          <a:xfrm>
            <a:off x="2758504" y="3815858"/>
            <a:ext cx="33590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US" sz="2400" b="1" dirty="0">
                <a:solidFill>
                  <a:schemeClr val="accent2"/>
                </a:solidFill>
              </a:rPr>
              <a:t>Cases</a:t>
            </a:r>
            <a:r>
              <a:rPr lang="en-US" sz="2400" dirty="0"/>
              <a:t> of a disease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6AD7511B-6FA2-207C-F44C-4EC0E72F2985}"/>
              </a:ext>
            </a:extLst>
          </p:cNvPr>
          <p:cNvSpPr txBox="1"/>
          <p:nvPr/>
        </p:nvSpPr>
        <p:spPr>
          <a:xfrm>
            <a:off x="2758504" y="4324232"/>
            <a:ext cx="33590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US" sz="2400" b="1" dirty="0">
                <a:solidFill>
                  <a:schemeClr val="accent2"/>
                </a:solidFill>
              </a:rPr>
              <a:t>Population</a:t>
            </a:r>
            <a:r>
              <a:rPr lang="en-US" sz="2400" dirty="0"/>
              <a:t> data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E6F81E53-0335-B256-84D5-E6683CC072D1}"/>
              </a:ext>
            </a:extLst>
          </p:cNvPr>
          <p:cNvSpPr txBox="1"/>
          <p:nvPr/>
        </p:nvSpPr>
        <p:spPr>
          <a:xfrm>
            <a:off x="2758504" y="4832605"/>
            <a:ext cx="335908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US" sz="2400" b="1" dirty="0">
                <a:solidFill>
                  <a:schemeClr val="accent2"/>
                </a:solidFill>
              </a:rPr>
              <a:t>Number</a:t>
            </a:r>
            <a:r>
              <a:rPr lang="en-US" sz="2400" dirty="0"/>
              <a:t> of hospital beds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B2401D57-1173-8F05-B11F-57FCF877D860}"/>
              </a:ext>
            </a:extLst>
          </p:cNvPr>
          <p:cNvSpPr txBox="1"/>
          <p:nvPr/>
        </p:nvSpPr>
        <p:spPr>
          <a:xfrm>
            <a:off x="7433052" y="3217096"/>
            <a:ext cx="335908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b="1" dirty="0"/>
              <a:t>Calculated</a:t>
            </a:r>
            <a:r>
              <a:rPr lang="en-US" sz="2400" dirty="0"/>
              <a:t> values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17AC275F-D365-4838-86AF-2DA7D7C1FB8E}"/>
              </a:ext>
            </a:extLst>
          </p:cNvPr>
          <p:cNvSpPr txBox="1"/>
          <p:nvPr/>
        </p:nvSpPr>
        <p:spPr>
          <a:xfrm>
            <a:off x="7398922" y="3827890"/>
            <a:ext cx="394036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US" sz="2400" dirty="0"/>
              <a:t>Using two or more data elements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35B6B740-96D4-9FB9-6012-728F751B2700}"/>
              </a:ext>
            </a:extLst>
          </p:cNvPr>
          <p:cNvSpPr txBox="1"/>
          <p:nvPr/>
        </p:nvSpPr>
        <p:spPr>
          <a:xfrm>
            <a:off x="7398925" y="4690026"/>
            <a:ext cx="414490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US" sz="2400" dirty="0"/>
              <a:t>Immunization </a:t>
            </a:r>
            <a:r>
              <a:rPr lang="en-US" sz="2400" b="1" dirty="0">
                <a:solidFill>
                  <a:schemeClr val="accent2"/>
                </a:solidFill>
              </a:rPr>
              <a:t>coverage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470C57C2-4B13-0A50-5CD3-368E83658E1B}"/>
              </a:ext>
            </a:extLst>
          </p:cNvPr>
          <p:cNvSpPr txBox="1"/>
          <p:nvPr/>
        </p:nvSpPr>
        <p:spPr>
          <a:xfrm>
            <a:off x="7398924" y="5182829"/>
            <a:ext cx="438907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US" sz="2400" dirty="0"/>
              <a:t>Maternal mortality </a:t>
            </a:r>
            <a:r>
              <a:rPr lang="en-US" sz="2400" b="1" dirty="0">
                <a:solidFill>
                  <a:schemeClr val="accent2"/>
                </a:solidFill>
              </a:rPr>
              <a:t>rate</a:t>
            </a: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6EC4B613-8EF4-20C0-5CDA-CFB0D194CDB1}"/>
              </a:ext>
            </a:extLst>
          </p:cNvPr>
          <p:cNvSpPr txBox="1"/>
          <p:nvPr/>
        </p:nvSpPr>
        <p:spPr>
          <a:xfrm>
            <a:off x="7398922" y="5826938"/>
            <a:ext cx="394036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US" sz="2400" b="1" dirty="0">
                <a:solidFill>
                  <a:schemeClr val="accent2"/>
                </a:solidFill>
              </a:rPr>
              <a:t>Total</a:t>
            </a:r>
            <a:r>
              <a:rPr lang="en-US" sz="2400" dirty="0"/>
              <a:t> of data elements</a:t>
            </a:r>
            <a:endParaRPr lang="en-US" sz="2400" b="1" dirty="0">
              <a:solidFill>
                <a:schemeClr val="accent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905431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animBg="1"/>
      <p:bldP spid="4" grpId="0" animBg="1"/>
      <p:bldP spid="5" grpId="0" animBg="1"/>
      <p:bldP spid="6" grpId="0"/>
      <p:bldP spid="7" grpId="0"/>
      <p:bldP spid="8" grpId="0"/>
      <p:bldP spid="9" grpId="0"/>
      <p:bldP spid="10" grpId="0"/>
      <p:bldP spid="11" grpId="0"/>
      <p:bldP spid="12" grpId="0"/>
      <p:bldP spid="13" grpId="0"/>
      <p:bldP spid="14" grpId="0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2">
            <a:extLst>
              <a:ext uri="{FF2B5EF4-FFF2-40B4-BE49-F238E27FC236}">
                <a16:creationId xmlns:a16="http://schemas.microsoft.com/office/drawing/2014/main" id="{09CB21E3-ECB5-0F25-B03B-45F7310DFF91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038420336"/>
              </p:ext>
            </p:extLst>
          </p:nvPr>
        </p:nvGraphicFramePr>
        <p:xfrm>
          <a:off x="81281" y="81280"/>
          <a:ext cx="16407416" cy="7397111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8657843">
                  <a:extLst>
                    <a:ext uri="{9D8B030D-6E8A-4147-A177-3AD203B41FA5}">
                      <a16:colId xmlns:a16="http://schemas.microsoft.com/office/drawing/2014/main" val="2196372150"/>
                    </a:ext>
                  </a:extLst>
                </a:gridCol>
                <a:gridCol w="7749573">
                  <a:extLst>
                    <a:ext uri="{9D8B030D-6E8A-4147-A177-3AD203B41FA5}">
                      <a16:colId xmlns:a16="http://schemas.microsoft.com/office/drawing/2014/main" val="898667060"/>
                    </a:ext>
                  </a:extLst>
                </a:gridCol>
              </a:tblGrid>
              <a:tr h="1111706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Form Nam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Category combination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501152959"/>
                  </a:ext>
                </a:extLst>
              </a:tr>
              <a:tr h="897915">
                <a:tc>
                  <a:txBody>
                    <a:bodyPr/>
                    <a:lstStyle/>
                    <a:p>
                      <a:pPr lvl="0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Cases treated with any antimalarial medicine (incl. ACT)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17920591"/>
                  </a:ext>
                </a:extLst>
              </a:tr>
              <a:tr h="897915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P. falciparum cases treated with single dose primaquine and ACT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180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87476168"/>
                  </a:ext>
                </a:extLst>
              </a:tr>
              <a:tr h="897915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P. Falciparum cases treated with ACT only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46289086"/>
                  </a:ext>
                </a:extLst>
              </a:tr>
              <a:tr h="897915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Suspected malaria cases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236294805"/>
                  </a:ext>
                </a:extLst>
              </a:tr>
              <a:tr h="897915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Confirmed malaria cases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66147488"/>
                  </a:ext>
                </a:extLst>
              </a:tr>
              <a:tr h="897915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aria cases tested with microscopy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27839996"/>
                  </a:ext>
                </a:extLst>
              </a:tr>
              <a:tr h="897915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aria cases positive with microscopy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789746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50773283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6" name="Group 25">
            <a:extLst>
              <a:ext uri="{FF2B5EF4-FFF2-40B4-BE49-F238E27FC236}">
                <a16:creationId xmlns:a16="http://schemas.microsoft.com/office/drawing/2014/main" id="{37CE38F7-5C96-0EE2-74BF-1B742B9ABBA1}"/>
              </a:ext>
            </a:extLst>
          </p:cNvPr>
          <p:cNvGrpSpPr/>
          <p:nvPr/>
        </p:nvGrpSpPr>
        <p:grpSpPr>
          <a:xfrm>
            <a:off x="5806042" y="2133649"/>
            <a:ext cx="2578955" cy="507074"/>
            <a:chOff x="6095094" y="2006273"/>
            <a:chExt cx="2578955" cy="507074"/>
          </a:xfrm>
        </p:grpSpPr>
        <p:sp>
          <p:nvSpPr>
            <p:cNvPr id="27" name="Free Form 6">
              <a:extLst>
                <a:ext uri="{FF2B5EF4-FFF2-40B4-BE49-F238E27FC236}">
                  <a16:creationId xmlns:a16="http://schemas.microsoft.com/office/drawing/2014/main" id="{632CA843-14BD-CF5D-47E1-D2A2B2BD27DD}"/>
                </a:ext>
              </a:extLst>
            </p:cNvPr>
            <p:cNvSpPr/>
            <p:nvPr/>
          </p:nvSpPr>
          <p:spPr>
            <a:xfrm>
              <a:off x="6095094" y="2006273"/>
              <a:ext cx="2578955" cy="462991"/>
            </a:xfrm>
            <a:custGeom>
              <a:avLst/>
              <a:gdLst/>
              <a:ahLst/>
              <a:cxnLst/>
              <a:rect l="0" t="0" r="0" b="0"/>
              <a:pathLst>
                <a:path w="3806598" h="683385">
                  <a:moveTo>
                    <a:pt x="3422855" y="0"/>
                  </a:moveTo>
                  <a:lnTo>
                    <a:pt x="0" y="0"/>
                  </a:lnTo>
                  <a:lnTo>
                    <a:pt x="0" y="683385"/>
                  </a:lnTo>
                  <a:lnTo>
                    <a:pt x="3806598" y="683385"/>
                  </a:lnTo>
                  <a:close/>
                </a:path>
              </a:pathLst>
            </a:custGeom>
            <a:solidFill>
              <a:srgbClr val="E8EBEC">
                <a:alpha val="100000"/>
              </a:srgbClr>
            </a:solidFill>
            <a:ln w="0" cap="flat" cmpd="sng">
              <a:noFill/>
              <a:prstDash val="solid"/>
              <a:miter lim="800000"/>
            </a:ln>
          </p:spPr>
          <p:txBody>
            <a:bodyPr anchor="ctr">
              <a:spAutoFit/>
            </a:bodyPr>
            <a:lstStyle/>
            <a:p>
              <a:pPr algn="ctr"/>
              <a:endParaRPr lang="en-US" dirty="0"/>
            </a:p>
          </p:txBody>
        </p:sp>
        <p:sp>
          <p:nvSpPr>
            <p:cNvPr id="28" name="Rectangle 27">
              <a:extLst>
                <a:ext uri="{FF2B5EF4-FFF2-40B4-BE49-F238E27FC236}">
                  <a16:creationId xmlns:a16="http://schemas.microsoft.com/office/drawing/2014/main" id="{F575AD37-1CD1-6A73-AABD-5A3EBF0DBB98}"/>
                </a:ext>
              </a:extLst>
            </p:cNvPr>
            <p:cNvSpPr/>
            <p:nvPr/>
          </p:nvSpPr>
          <p:spPr>
            <a:xfrm>
              <a:off x="6656526" y="2051682"/>
              <a:ext cx="1489510" cy="461665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es-ES" sz="2400" spc="100" dirty="0"/>
                <a:t>Country</a:t>
              </a:r>
              <a:endParaRPr lang="en-NO" sz="2400" spc="100" dirty="0"/>
            </a:p>
          </p:txBody>
        </p:sp>
      </p:grpSp>
      <p:grpSp>
        <p:nvGrpSpPr>
          <p:cNvPr id="29" name="Group 28">
            <a:extLst>
              <a:ext uri="{FF2B5EF4-FFF2-40B4-BE49-F238E27FC236}">
                <a16:creationId xmlns:a16="http://schemas.microsoft.com/office/drawing/2014/main" id="{19806B80-DAEB-28A0-CC1D-783ABDE69FC3}"/>
              </a:ext>
            </a:extLst>
          </p:cNvPr>
          <p:cNvGrpSpPr/>
          <p:nvPr/>
        </p:nvGrpSpPr>
        <p:grpSpPr>
          <a:xfrm>
            <a:off x="6382250" y="3005546"/>
            <a:ext cx="2628353" cy="464934"/>
            <a:chOff x="6445386" y="2889336"/>
            <a:chExt cx="2704549" cy="464934"/>
          </a:xfrm>
        </p:grpSpPr>
        <p:sp>
          <p:nvSpPr>
            <p:cNvPr id="30" name="Free Form 5">
              <a:extLst>
                <a:ext uri="{FF2B5EF4-FFF2-40B4-BE49-F238E27FC236}">
                  <a16:creationId xmlns:a16="http://schemas.microsoft.com/office/drawing/2014/main" id="{AEF72DA7-A71F-C22D-9DC2-7AD141CB6CAC}"/>
                </a:ext>
              </a:extLst>
            </p:cNvPr>
            <p:cNvSpPr/>
            <p:nvPr/>
          </p:nvSpPr>
          <p:spPr>
            <a:xfrm>
              <a:off x="6445386" y="2891279"/>
              <a:ext cx="2704549" cy="462991"/>
            </a:xfrm>
            <a:custGeom>
              <a:avLst/>
              <a:gdLst/>
              <a:ahLst/>
              <a:cxnLst/>
              <a:rect l="0" t="0" r="0" b="0"/>
              <a:pathLst>
                <a:path w="3991977" h="683385">
                  <a:moveTo>
                    <a:pt x="3608246" y="0"/>
                  </a:moveTo>
                  <a:lnTo>
                    <a:pt x="0" y="0"/>
                  </a:lnTo>
                  <a:lnTo>
                    <a:pt x="0" y="683385"/>
                  </a:lnTo>
                  <a:lnTo>
                    <a:pt x="3991977" y="683385"/>
                  </a:lnTo>
                  <a:close/>
                </a:path>
              </a:pathLst>
            </a:custGeom>
            <a:solidFill>
              <a:srgbClr val="E8EBEC">
                <a:alpha val="100000"/>
              </a:srgbClr>
            </a:solidFill>
            <a:ln w="0" cap="flat" cmpd="sng">
              <a:noFill/>
              <a:prstDash val="solid"/>
              <a:miter lim="800000"/>
            </a:ln>
          </p:spPr>
          <p:txBody>
            <a:bodyPr anchor="ctr">
              <a:spAutoFit/>
            </a:bodyPr>
            <a:lstStyle/>
            <a:p>
              <a:pPr algn="ctr"/>
              <a:endParaRPr lang="en-US"/>
            </a:p>
          </p:txBody>
        </p:sp>
        <p:sp>
          <p:nvSpPr>
            <p:cNvPr id="31" name="Rectangle 30">
              <a:extLst>
                <a:ext uri="{FF2B5EF4-FFF2-40B4-BE49-F238E27FC236}">
                  <a16:creationId xmlns:a16="http://schemas.microsoft.com/office/drawing/2014/main" id="{77CCD864-952F-A198-8E47-9AEED1969BD6}"/>
                </a:ext>
              </a:extLst>
            </p:cNvPr>
            <p:cNvSpPr/>
            <p:nvPr/>
          </p:nvSpPr>
          <p:spPr>
            <a:xfrm>
              <a:off x="6907271" y="2889336"/>
              <a:ext cx="1834545" cy="461665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en-NO" sz="2400" spc="100" dirty="0"/>
                <a:t>Provinces</a:t>
              </a:r>
            </a:p>
          </p:txBody>
        </p:sp>
      </p:grpSp>
      <p:grpSp>
        <p:nvGrpSpPr>
          <p:cNvPr id="32" name="Group 31">
            <a:extLst>
              <a:ext uri="{FF2B5EF4-FFF2-40B4-BE49-F238E27FC236}">
                <a16:creationId xmlns:a16="http://schemas.microsoft.com/office/drawing/2014/main" id="{7585B4A7-D6C2-D015-4BF5-FBB873ED6D1C}"/>
              </a:ext>
            </a:extLst>
          </p:cNvPr>
          <p:cNvGrpSpPr/>
          <p:nvPr/>
        </p:nvGrpSpPr>
        <p:grpSpPr>
          <a:xfrm>
            <a:off x="6742002" y="3901677"/>
            <a:ext cx="2748639" cy="474908"/>
            <a:chOff x="6445386" y="3734135"/>
            <a:chExt cx="3177833" cy="474908"/>
          </a:xfrm>
        </p:grpSpPr>
        <p:sp>
          <p:nvSpPr>
            <p:cNvPr id="33" name="Free Form 4">
              <a:extLst>
                <a:ext uri="{FF2B5EF4-FFF2-40B4-BE49-F238E27FC236}">
                  <a16:creationId xmlns:a16="http://schemas.microsoft.com/office/drawing/2014/main" id="{7857805E-8305-B105-F2B2-705B4147CF48}"/>
                </a:ext>
              </a:extLst>
            </p:cNvPr>
            <p:cNvSpPr/>
            <p:nvPr/>
          </p:nvSpPr>
          <p:spPr>
            <a:xfrm>
              <a:off x="6445386" y="3734135"/>
              <a:ext cx="3177833" cy="462991"/>
            </a:xfrm>
            <a:custGeom>
              <a:avLst/>
              <a:gdLst/>
              <a:ahLst/>
              <a:cxnLst/>
              <a:rect l="0" t="0" r="0" b="0"/>
              <a:pathLst>
                <a:path w="4690554" h="683385">
                  <a:moveTo>
                    <a:pt x="4306811" y="0"/>
                  </a:moveTo>
                  <a:lnTo>
                    <a:pt x="0" y="0"/>
                  </a:lnTo>
                  <a:lnTo>
                    <a:pt x="0" y="683385"/>
                  </a:lnTo>
                  <a:lnTo>
                    <a:pt x="4690554" y="683385"/>
                  </a:lnTo>
                  <a:close/>
                </a:path>
              </a:pathLst>
            </a:custGeom>
            <a:solidFill>
              <a:srgbClr val="E8EBEC">
                <a:alpha val="100000"/>
              </a:srgbClr>
            </a:solidFill>
            <a:ln w="0" cap="flat" cmpd="sng">
              <a:noFill/>
              <a:prstDash val="solid"/>
              <a:miter lim="800000"/>
            </a:ln>
          </p:spPr>
          <p:txBody>
            <a:bodyPr anchor="ctr">
              <a:spAutoFit/>
            </a:bodyPr>
            <a:lstStyle/>
            <a:p>
              <a:pPr algn="ctr"/>
              <a:endParaRPr lang="en-US"/>
            </a:p>
          </p:txBody>
        </p:sp>
        <p:sp>
          <p:nvSpPr>
            <p:cNvPr id="34" name="Rectangle 33">
              <a:extLst>
                <a:ext uri="{FF2B5EF4-FFF2-40B4-BE49-F238E27FC236}">
                  <a16:creationId xmlns:a16="http://schemas.microsoft.com/office/drawing/2014/main" id="{568EE79D-0962-F82E-A56E-91EE1F62D35E}"/>
                </a:ext>
              </a:extLst>
            </p:cNvPr>
            <p:cNvSpPr/>
            <p:nvPr/>
          </p:nvSpPr>
          <p:spPr>
            <a:xfrm>
              <a:off x="7367703" y="3747378"/>
              <a:ext cx="1903719" cy="461665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en-NO" sz="2400" spc="100" dirty="0"/>
                <a:t>Distric</a:t>
              </a:r>
              <a:r>
                <a:rPr lang="es-ES" sz="2400" spc="100" dirty="0"/>
                <a:t>t</a:t>
              </a:r>
              <a:r>
                <a:rPr lang="en-NO" sz="2400" spc="100" dirty="0"/>
                <a:t>s</a:t>
              </a:r>
              <a:r>
                <a:rPr lang="en-NO" sz="2400" dirty="0"/>
                <a:t> </a:t>
              </a:r>
            </a:p>
          </p:txBody>
        </p:sp>
      </p:grpSp>
      <p:grpSp>
        <p:nvGrpSpPr>
          <p:cNvPr id="35" name="Group 34">
            <a:extLst>
              <a:ext uri="{FF2B5EF4-FFF2-40B4-BE49-F238E27FC236}">
                <a16:creationId xmlns:a16="http://schemas.microsoft.com/office/drawing/2014/main" id="{209A4DFB-9AC8-3587-3A4B-7D22182B5791}"/>
              </a:ext>
            </a:extLst>
          </p:cNvPr>
          <p:cNvGrpSpPr/>
          <p:nvPr/>
        </p:nvGrpSpPr>
        <p:grpSpPr>
          <a:xfrm>
            <a:off x="7303470" y="4714482"/>
            <a:ext cx="2729895" cy="487447"/>
            <a:chOff x="7587200" y="4771301"/>
            <a:chExt cx="2729895" cy="487447"/>
          </a:xfrm>
        </p:grpSpPr>
        <p:sp>
          <p:nvSpPr>
            <p:cNvPr id="36" name="Free Form 3">
              <a:extLst>
                <a:ext uri="{FF2B5EF4-FFF2-40B4-BE49-F238E27FC236}">
                  <a16:creationId xmlns:a16="http://schemas.microsoft.com/office/drawing/2014/main" id="{5FA25B4C-EFB8-5547-3DB7-A21756610495}"/>
                </a:ext>
              </a:extLst>
            </p:cNvPr>
            <p:cNvSpPr/>
            <p:nvPr/>
          </p:nvSpPr>
          <p:spPr>
            <a:xfrm>
              <a:off x="7587200" y="4795749"/>
              <a:ext cx="2729895" cy="462999"/>
            </a:xfrm>
            <a:custGeom>
              <a:avLst/>
              <a:gdLst/>
              <a:ahLst/>
              <a:cxnLst/>
              <a:rect l="0" t="0" r="0" b="0"/>
              <a:pathLst>
                <a:path w="5389132" h="683398">
                  <a:moveTo>
                    <a:pt x="5005388" y="0"/>
                  </a:moveTo>
                  <a:lnTo>
                    <a:pt x="0" y="0"/>
                  </a:lnTo>
                  <a:lnTo>
                    <a:pt x="0" y="683398"/>
                  </a:lnTo>
                  <a:lnTo>
                    <a:pt x="5389132" y="683398"/>
                  </a:lnTo>
                  <a:close/>
                </a:path>
              </a:pathLst>
            </a:custGeom>
            <a:solidFill>
              <a:srgbClr val="E8EBEC">
                <a:alpha val="100000"/>
              </a:srgbClr>
            </a:solidFill>
            <a:ln w="0" cap="flat" cmpd="sng">
              <a:noFill/>
              <a:prstDash val="solid"/>
              <a:miter lim="800000"/>
            </a:ln>
          </p:spPr>
          <p:txBody>
            <a:bodyPr wrap="square" anchor="ctr">
              <a:spAutoFit/>
            </a:bodyPr>
            <a:lstStyle/>
            <a:p>
              <a:pPr algn="ctr"/>
              <a:endParaRPr lang="en-US" dirty="0"/>
            </a:p>
          </p:txBody>
        </p:sp>
        <p:sp>
          <p:nvSpPr>
            <p:cNvPr id="37" name="Rectangle 36">
              <a:extLst>
                <a:ext uri="{FF2B5EF4-FFF2-40B4-BE49-F238E27FC236}">
                  <a16:creationId xmlns:a16="http://schemas.microsoft.com/office/drawing/2014/main" id="{715E5B4C-A9E9-2EE5-F57C-41395AF01732}"/>
                </a:ext>
              </a:extLst>
            </p:cNvPr>
            <p:cNvSpPr/>
            <p:nvPr/>
          </p:nvSpPr>
          <p:spPr>
            <a:xfrm>
              <a:off x="8070463" y="4771301"/>
              <a:ext cx="1720343" cy="461665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en-NO" sz="2400" spc="100" dirty="0"/>
                <a:t>Facilities</a:t>
              </a:r>
              <a:r>
                <a:rPr lang="en-NO" sz="2400" dirty="0"/>
                <a:t> </a:t>
              </a:r>
            </a:p>
          </p:txBody>
        </p:sp>
      </p:grpSp>
      <p:grpSp>
        <p:nvGrpSpPr>
          <p:cNvPr id="38" name="Group 37">
            <a:extLst>
              <a:ext uri="{FF2B5EF4-FFF2-40B4-BE49-F238E27FC236}">
                <a16:creationId xmlns:a16="http://schemas.microsoft.com/office/drawing/2014/main" id="{2664A1B8-2A66-677A-2A8C-459C1F4854AE}"/>
              </a:ext>
            </a:extLst>
          </p:cNvPr>
          <p:cNvGrpSpPr/>
          <p:nvPr/>
        </p:nvGrpSpPr>
        <p:grpSpPr>
          <a:xfrm>
            <a:off x="3918171" y="2098734"/>
            <a:ext cx="3773452" cy="3362211"/>
            <a:chOff x="4233571" y="2143529"/>
            <a:chExt cx="3773452" cy="3362211"/>
          </a:xfrm>
        </p:grpSpPr>
        <p:sp>
          <p:nvSpPr>
            <p:cNvPr id="39" name="Oval 38">
              <a:extLst>
                <a:ext uri="{FF2B5EF4-FFF2-40B4-BE49-F238E27FC236}">
                  <a16:creationId xmlns:a16="http://schemas.microsoft.com/office/drawing/2014/main" id="{92793F61-D3A2-8A52-4FAE-B4FD7AA6F441}"/>
                </a:ext>
              </a:extLst>
            </p:cNvPr>
            <p:cNvSpPr/>
            <p:nvPr/>
          </p:nvSpPr>
          <p:spPr>
            <a:xfrm>
              <a:off x="5814541" y="2143529"/>
              <a:ext cx="550661" cy="556493"/>
            </a:xfrm>
            <a:prstGeom prst="ellipse">
              <a:avLst/>
            </a:prstGeom>
            <a:solidFill>
              <a:srgbClr val="2778EE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2400" dirty="0">
                <a:latin typeface="Rubik Medium" pitchFamily="2" charset="-79"/>
                <a:cs typeface="Rubik Medium" pitchFamily="2" charset="-79"/>
              </a:endParaRPr>
            </a:p>
          </p:txBody>
        </p:sp>
        <p:sp>
          <p:nvSpPr>
            <p:cNvPr id="40" name="Oval 39">
              <a:extLst>
                <a:ext uri="{FF2B5EF4-FFF2-40B4-BE49-F238E27FC236}">
                  <a16:creationId xmlns:a16="http://schemas.microsoft.com/office/drawing/2014/main" id="{97A2AC08-7AD0-440C-6B21-28F4AB0FF3B6}"/>
                </a:ext>
              </a:extLst>
            </p:cNvPr>
            <p:cNvSpPr/>
            <p:nvPr/>
          </p:nvSpPr>
          <p:spPr>
            <a:xfrm>
              <a:off x="5305815" y="3013447"/>
              <a:ext cx="550661" cy="556493"/>
            </a:xfrm>
            <a:prstGeom prst="ellipse">
              <a:avLst/>
            </a:prstGeom>
            <a:solidFill>
              <a:srgbClr val="6FA5F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2400" dirty="0">
                <a:latin typeface="Rubik Medium" pitchFamily="2" charset="-79"/>
                <a:cs typeface="Rubik Medium" pitchFamily="2" charset="-79"/>
              </a:endParaRPr>
            </a:p>
          </p:txBody>
        </p:sp>
        <p:sp>
          <p:nvSpPr>
            <p:cNvPr id="41" name="Oval 40">
              <a:extLst>
                <a:ext uri="{FF2B5EF4-FFF2-40B4-BE49-F238E27FC236}">
                  <a16:creationId xmlns:a16="http://schemas.microsoft.com/office/drawing/2014/main" id="{A231E8CF-4D0C-F590-D1EC-D4084D7DA8ED}"/>
                </a:ext>
              </a:extLst>
            </p:cNvPr>
            <p:cNvSpPr/>
            <p:nvPr/>
          </p:nvSpPr>
          <p:spPr>
            <a:xfrm>
              <a:off x="6321208" y="3014086"/>
              <a:ext cx="550661" cy="556493"/>
            </a:xfrm>
            <a:prstGeom prst="ellipse">
              <a:avLst/>
            </a:prstGeom>
            <a:solidFill>
              <a:srgbClr val="6FA5F4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2400" dirty="0">
                <a:latin typeface="Rubik Medium" pitchFamily="2" charset="-79"/>
                <a:cs typeface="Rubik Medium" pitchFamily="2" charset="-79"/>
              </a:endParaRPr>
            </a:p>
          </p:txBody>
        </p:sp>
        <p:sp>
          <p:nvSpPr>
            <p:cNvPr id="42" name="Oval 41">
              <a:extLst>
                <a:ext uri="{FF2B5EF4-FFF2-40B4-BE49-F238E27FC236}">
                  <a16:creationId xmlns:a16="http://schemas.microsoft.com/office/drawing/2014/main" id="{866A910F-79D0-C220-5FE6-427FB0DF3639}"/>
                </a:ext>
              </a:extLst>
            </p:cNvPr>
            <p:cNvSpPr/>
            <p:nvPr/>
          </p:nvSpPr>
          <p:spPr>
            <a:xfrm>
              <a:off x="4936602" y="3883365"/>
              <a:ext cx="550661" cy="556493"/>
            </a:xfrm>
            <a:prstGeom prst="ellipse">
              <a:avLst/>
            </a:prstGeom>
            <a:solidFill>
              <a:srgbClr val="7AC0F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2400" dirty="0">
                <a:latin typeface="Rubik Medium" pitchFamily="2" charset="-79"/>
                <a:cs typeface="Rubik Medium" pitchFamily="2" charset="-79"/>
              </a:endParaRPr>
            </a:p>
          </p:txBody>
        </p:sp>
        <p:sp>
          <p:nvSpPr>
            <p:cNvPr id="43" name="Oval 42">
              <a:extLst>
                <a:ext uri="{FF2B5EF4-FFF2-40B4-BE49-F238E27FC236}">
                  <a16:creationId xmlns:a16="http://schemas.microsoft.com/office/drawing/2014/main" id="{40752C56-E298-6404-B6E5-7F6BBEE525D2}"/>
                </a:ext>
              </a:extLst>
            </p:cNvPr>
            <p:cNvSpPr/>
            <p:nvPr/>
          </p:nvSpPr>
          <p:spPr>
            <a:xfrm>
              <a:off x="5892048" y="3883365"/>
              <a:ext cx="550661" cy="556493"/>
            </a:xfrm>
            <a:prstGeom prst="ellipse">
              <a:avLst/>
            </a:prstGeom>
            <a:solidFill>
              <a:srgbClr val="7AC0F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2400" dirty="0">
                <a:latin typeface="Rubik Medium" pitchFamily="2" charset="-79"/>
                <a:cs typeface="Rubik Medium" pitchFamily="2" charset="-79"/>
              </a:endParaRPr>
            </a:p>
          </p:txBody>
        </p:sp>
        <p:sp>
          <p:nvSpPr>
            <p:cNvPr id="44" name="Oval 43">
              <a:extLst>
                <a:ext uri="{FF2B5EF4-FFF2-40B4-BE49-F238E27FC236}">
                  <a16:creationId xmlns:a16="http://schemas.microsoft.com/office/drawing/2014/main" id="{499DA82F-E53A-68FE-6A48-EEBC3230C12F}"/>
                </a:ext>
              </a:extLst>
            </p:cNvPr>
            <p:cNvSpPr/>
            <p:nvPr/>
          </p:nvSpPr>
          <p:spPr>
            <a:xfrm>
              <a:off x="6788095" y="3884643"/>
              <a:ext cx="550661" cy="556493"/>
            </a:xfrm>
            <a:prstGeom prst="ellipse">
              <a:avLst/>
            </a:prstGeom>
            <a:solidFill>
              <a:srgbClr val="7AC0F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s-ES" sz="2400" dirty="0">
                <a:latin typeface="Rubik Medium" pitchFamily="2" charset="-79"/>
                <a:cs typeface="Rubik Medium" pitchFamily="2" charset="-79"/>
              </a:endParaRPr>
            </a:p>
          </p:txBody>
        </p:sp>
        <p:pic>
          <p:nvPicPr>
            <p:cNvPr id="49" name="Picture 48" descr="A picture containing text, object, first-aid kit&#10;&#10;Description automatically generated">
              <a:extLst>
                <a:ext uri="{FF2B5EF4-FFF2-40B4-BE49-F238E27FC236}">
                  <a16:creationId xmlns:a16="http://schemas.microsoft.com/office/drawing/2014/main" id="{93AA00F5-A992-6A60-D5CB-7938FD4AD979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4413"/>
            <a:stretch/>
          </p:blipFill>
          <p:spPr>
            <a:xfrm>
              <a:off x="4233571" y="4659062"/>
              <a:ext cx="989252" cy="846678"/>
            </a:xfrm>
            <a:prstGeom prst="rect">
              <a:avLst/>
            </a:prstGeom>
          </p:spPr>
        </p:pic>
        <p:pic>
          <p:nvPicPr>
            <p:cNvPr id="51" name="Picture 50" descr="A picture containing text, object, first-aid kit&#10;&#10;Description automatically generated">
              <a:extLst>
                <a:ext uri="{FF2B5EF4-FFF2-40B4-BE49-F238E27FC236}">
                  <a16:creationId xmlns:a16="http://schemas.microsoft.com/office/drawing/2014/main" id="{B50AEA1C-891E-23FB-1699-FA2973D9CBE0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4413"/>
            <a:stretch/>
          </p:blipFill>
          <p:spPr>
            <a:xfrm>
              <a:off x="5161638" y="4659062"/>
              <a:ext cx="989252" cy="846678"/>
            </a:xfrm>
            <a:prstGeom prst="rect">
              <a:avLst/>
            </a:prstGeom>
          </p:spPr>
        </p:pic>
        <p:pic>
          <p:nvPicPr>
            <p:cNvPr id="52" name="Picture 51" descr="A picture containing text, object, first-aid kit&#10;&#10;Description automatically generated">
              <a:extLst>
                <a:ext uri="{FF2B5EF4-FFF2-40B4-BE49-F238E27FC236}">
                  <a16:creationId xmlns:a16="http://schemas.microsoft.com/office/drawing/2014/main" id="{523896CB-B1D9-B35B-387A-1B34B2C3ADD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4413"/>
            <a:stretch/>
          </p:blipFill>
          <p:spPr>
            <a:xfrm>
              <a:off x="6089705" y="4659062"/>
              <a:ext cx="989252" cy="846678"/>
            </a:xfrm>
            <a:prstGeom prst="rect">
              <a:avLst/>
            </a:prstGeom>
          </p:spPr>
        </p:pic>
        <p:pic>
          <p:nvPicPr>
            <p:cNvPr id="53" name="Picture 52" descr="A picture containing text, object, first-aid kit&#10;&#10;Description automatically generated">
              <a:extLst>
                <a:ext uri="{FF2B5EF4-FFF2-40B4-BE49-F238E27FC236}">
                  <a16:creationId xmlns:a16="http://schemas.microsoft.com/office/drawing/2014/main" id="{A8E802C1-DC80-27D4-09FA-FBDC123AA67B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4413"/>
            <a:stretch/>
          </p:blipFill>
          <p:spPr>
            <a:xfrm>
              <a:off x="7017771" y="4659062"/>
              <a:ext cx="989252" cy="846678"/>
            </a:xfrm>
            <a:prstGeom prst="rect">
              <a:avLst/>
            </a:prstGeom>
          </p:spPr>
        </p:pic>
      </p:grpSp>
      <p:cxnSp>
        <p:nvCxnSpPr>
          <p:cNvPr id="59" name="Straight Connector 58">
            <a:extLst>
              <a:ext uri="{FF2B5EF4-FFF2-40B4-BE49-F238E27FC236}">
                <a16:creationId xmlns:a16="http://schemas.microsoft.com/office/drawing/2014/main" id="{AEB00724-D2A3-425F-BBC9-771B708F43CC}"/>
              </a:ext>
            </a:extLst>
          </p:cNvPr>
          <p:cNvCxnSpPr>
            <a:cxnSpLocks/>
          </p:cNvCxnSpPr>
          <p:nvPr/>
        </p:nvCxnSpPr>
        <p:spPr>
          <a:xfrm flipV="1">
            <a:off x="4896534" y="3682812"/>
            <a:ext cx="1845467" cy="4654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2" name="Straight Connector 61">
            <a:extLst>
              <a:ext uri="{FF2B5EF4-FFF2-40B4-BE49-F238E27FC236}">
                <a16:creationId xmlns:a16="http://schemas.microsoft.com/office/drawing/2014/main" id="{108979FF-EAD0-9EB3-93DC-D9077EF6D154}"/>
              </a:ext>
            </a:extLst>
          </p:cNvPr>
          <p:cNvCxnSpPr>
            <a:cxnSpLocks/>
          </p:cNvCxnSpPr>
          <p:nvPr/>
        </p:nvCxnSpPr>
        <p:spPr>
          <a:xfrm>
            <a:off x="6281137" y="3525142"/>
            <a:ext cx="0" cy="151932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7" name="Straight Connector 66">
            <a:extLst>
              <a:ext uri="{FF2B5EF4-FFF2-40B4-BE49-F238E27FC236}">
                <a16:creationId xmlns:a16="http://schemas.microsoft.com/office/drawing/2014/main" id="{791B15E8-370A-F7D7-45D8-B173CEAEF2FE}"/>
              </a:ext>
            </a:extLst>
          </p:cNvPr>
          <p:cNvCxnSpPr>
            <a:cxnSpLocks/>
          </p:cNvCxnSpPr>
          <p:nvPr/>
        </p:nvCxnSpPr>
        <p:spPr>
          <a:xfrm>
            <a:off x="6743849" y="3687469"/>
            <a:ext cx="0" cy="151101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9" name="Straight Connector 68">
            <a:extLst>
              <a:ext uri="{FF2B5EF4-FFF2-40B4-BE49-F238E27FC236}">
                <a16:creationId xmlns:a16="http://schemas.microsoft.com/office/drawing/2014/main" id="{84DB1660-6BB9-69A6-D880-32F0E80FC705}"/>
              </a:ext>
            </a:extLst>
          </p:cNvPr>
          <p:cNvCxnSpPr>
            <a:cxnSpLocks/>
            <a:endCxn id="43" idx="0"/>
          </p:cNvCxnSpPr>
          <p:nvPr/>
        </p:nvCxnSpPr>
        <p:spPr>
          <a:xfrm>
            <a:off x="5851981" y="3687469"/>
            <a:ext cx="1" cy="151101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0" name="Straight Connector 69">
            <a:extLst>
              <a:ext uri="{FF2B5EF4-FFF2-40B4-BE49-F238E27FC236}">
                <a16:creationId xmlns:a16="http://schemas.microsoft.com/office/drawing/2014/main" id="{5903EB41-BC26-8930-9A53-A023AB2696CC}"/>
              </a:ext>
            </a:extLst>
          </p:cNvPr>
          <p:cNvCxnSpPr>
            <a:cxnSpLocks/>
            <a:endCxn id="42" idx="0"/>
          </p:cNvCxnSpPr>
          <p:nvPr/>
        </p:nvCxnSpPr>
        <p:spPr>
          <a:xfrm>
            <a:off x="4896535" y="3693207"/>
            <a:ext cx="1" cy="145363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7" name="Straight Connector 76">
            <a:extLst>
              <a:ext uri="{FF2B5EF4-FFF2-40B4-BE49-F238E27FC236}">
                <a16:creationId xmlns:a16="http://schemas.microsoft.com/office/drawing/2014/main" id="{F4003DF8-1E1A-2CC2-8B5A-F78D071EEC7C}"/>
              </a:ext>
            </a:extLst>
          </p:cNvPr>
          <p:cNvCxnSpPr>
            <a:cxnSpLocks/>
          </p:cNvCxnSpPr>
          <p:nvPr/>
        </p:nvCxnSpPr>
        <p:spPr>
          <a:xfrm>
            <a:off x="5299515" y="2815408"/>
            <a:ext cx="934787" cy="0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8" name="Straight Connector 77">
            <a:extLst>
              <a:ext uri="{FF2B5EF4-FFF2-40B4-BE49-F238E27FC236}">
                <a16:creationId xmlns:a16="http://schemas.microsoft.com/office/drawing/2014/main" id="{44AB038E-5431-3728-DFB7-9CA9968A6C33}"/>
              </a:ext>
            </a:extLst>
          </p:cNvPr>
          <p:cNvCxnSpPr>
            <a:cxnSpLocks/>
          </p:cNvCxnSpPr>
          <p:nvPr/>
        </p:nvCxnSpPr>
        <p:spPr>
          <a:xfrm>
            <a:off x="5773438" y="2657738"/>
            <a:ext cx="0" cy="151932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9" name="Straight Connector 78">
            <a:extLst>
              <a:ext uri="{FF2B5EF4-FFF2-40B4-BE49-F238E27FC236}">
                <a16:creationId xmlns:a16="http://schemas.microsoft.com/office/drawing/2014/main" id="{D51BB65B-926F-E939-EF13-E114FAE21C89}"/>
              </a:ext>
            </a:extLst>
          </p:cNvPr>
          <p:cNvCxnSpPr>
            <a:cxnSpLocks/>
          </p:cNvCxnSpPr>
          <p:nvPr/>
        </p:nvCxnSpPr>
        <p:spPr>
          <a:xfrm>
            <a:off x="6236150" y="2820065"/>
            <a:ext cx="0" cy="151101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3" name="Straight Connector 82">
            <a:extLst>
              <a:ext uri="{FF2B5EF4-FFF2-40B4-BE49-F238E27FC236}">
                <a16:creationId xmlns:a16="http://schemas.microsoft.com/office/drawing/2014/main" id="{80FD3027-E306-E0AE-952D-253C7AF17977}"/>
              </a:ext>
            </a:extLst>
          </p:cNvPr>
          <p:cNvCxnSpPr>
            <a:cxnSpLocks/>
          </p:cNvCxnSpPr>
          <p:nvPr/>
        </p:nvCxnSpPr>
        <p:spPr>
          <a:xfrm>
            <a:off x="5299515" y="2823929"/>
            <a:ext cx="1" cy="145363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4" name="Straight Connector 83">
            <a:extLst>
              <a:ext uri="{FF2B5EF4-FFF2-40B4-BE49-F238E27FC236}">
                <a16:creationId xmlns:a16="http://schemas.microsoft.com/office/drawing/2014/main" id="{9758D5F8-6A4E-0E4D-2A63-857ED0E1E2A5}"/>
              </a:ext>
            </a:extLst>
          </p:cNvPr>
          <p:cNvCxnSpPr>
            <a:cxnSpLocks/>
          </p:cNvCxnSpPr>
          <p:nvPr/>
        </p:nvCxnSpPr>
        <p:spPr>
          <a:xfrm>
            <a:off x="4373295" y="4483173"/>
            <a:ext cx="2722220" cy="8481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5" name="Straight Connector 84">
            <a:extLst>
              <a:ext uri="{FF2B5EF4-FFF2-40B4-BE49-F238E27FC236}">
                <a16:creationId xmlns:a16="http://schemas.microsoft.com/office/drawing/2014/main" id="{5DB16306-525B-EB87-70FC-D35FCCC41EB7}"/>
              </a:ext>
            </a:extLst>
          </p:cNvPr>
          <p:cNvCxnSpPr>
            <a:cxnSpLocks/>
          </p:cNvCxnSpPr>
          <p:nvPr/>
        </p:nvCxnSpPr>
        <p:spPr>
          <a:xfrm flipH="1">
            <a:off x="6742001" y="4403368"/>
            <a:ext cx="1011" cy="83916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6" name="Straight Connector 85">
            <a:extLst>
              <a:ext uri="{FF2B5EF4-FFF2-40B4-BE49-F238E27FC236}">
                <a16:creationId xmlns:a16="http://schemas.microsoft.com/office/drawing/2014/main" id="{95F62889-9D80-A21C-13F1-DEA36BE0ACA7}"/>
              </a:ext>
            </a:extLst>
          </p:cNvPr>
          <p:cNvCxnSpPr>
            <a:cxnSpLocks/>
          </p:cNvCxnSpPr>
          <p:nvPr/>
        </p:nvCxnSpPr>
        <p:spPr>
          <a:xfrm>
            <a:off x="6202091" y="4495769"/>
            <a:ext cx="1" cy="151101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7" name="Straight Connector 86">
            <a:extLst>
              <a:ext uri="{FF2B5EF4-FFF2-40B4-BE49-F238E27FC236}">
                <a16:creationId xmlns:a16="http://schemas.microsoft.com/office/drawing/2014/main" id="{5EF5ADF0-CE96-7FE0-BDC1-2C878BB5F3A5}"/>
              </a:ext>
            </a:extLst>
          </p:cNvPr>
          <p:cNvCxnSpPr>
            <a:cxnSpLocks/>
          </p:cNvCxnSpPr>
          <p:nvPr/>
        </p:nvCxnSpPr>
        <p:spPr>
          <a:xfrm>
            <a:off x="5274024" y="4495769"/>
            <a:ext cx="1" cy="145363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1" name="Straight Connector 100">
            <a:extLst>
              <a:ext uri="{FF2B5EF4-FFF2-40B4-BE49-F238E27FC236}">
                <a16:creationId xmlns:a16="http://schemas.microsoft.com/office/drawing/2014/main" id="{2ABD8789-1577-E205-4B78-6EB7C678E512}"/>
              </a:ext>
            </a:extLst>
          </p:cNvPr>
          <p:cNvCxnSpPr>
            <a:cxnSpLocks/>
          </p:cNvCxnSpPr>
          <p:nvPr/>
        </p:nvCxnSpPr>
        <p:spPr>
          <a:xfrm>
            <a:off x="4369156" y="4483173"/>
            <a:ext cx="1" cy="145363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3" name="Straight Connector 102">
            <a:extLst>
              <a:ext uri="{FF2B5EF4-FFF2-40B4-BE49-F238E27FC236}">
                <a16:creationId xmlns:a16="http://schemas.microsoft.com/office/drawing/2014/main" id="{3B1AC774-F20F-C365-8F39-9521CFE13FEB}"/>
              </a:ext>
            </a:extLst>
          </p:cNvPr>
          <p:cNvCxnSpPr>
            <a:cxnSpLocks/>
          </p:cNvCxnSpPr>
          <p:nvPr/>
        </p:nvCxnSpPr>
        <p:spPr>
          <a:xfrm>
            <a:off x="7109300" y="4495769"/>
            <a:ext cx="1" cy="145363"/>
          </a:xfrm>
          <a:prstGeom prst="line">
            <a:avLst/>
          </a:prstGeom>
          <a:ln w="28575" cap="rnd">
            <a:solidFill>
              <a:schemeClr val="tx2"/>
            </a:solidFill>
            <a:prstDash val="solid"/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6521050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2">
            <a:extLst>
              <a:ext uri="{FF2B5EF4-FFF2-40B4-BE49-F238E27FC236}">
                <a16:creationId xmlns:a16="http://schemas.microsoft.com/office/drawing/2014/main" id="{09CB21E3-ECB5-0F25-B03B-45F7310DFF91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290115513"/>
              </p:ext>
            </p:extLst>
          </p:nvPr>
        </p:nvGraphicFramePr>
        <p:xfrm>
          <a:off x="101598" y="81280"/>
          <a:ext cx="19631743" cy="737679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8632814">
                  <a:extLst>
                    <a:ext uri="{9D8B030D-6E8A-4147-A177-3AD203B41FA5}">
                      <a16:colId xmlns:a16="http://schemas.microsoft.com/office/drawing/2014/main" val="2196372150"/>
                    </a:ext>
                  </a:extLst>
                </a:gridCol>
                <a:gridCol w="5381247">
                  <a:extLst>
                    <a:ext uri="{9D8B030D-6E8A-4147-A177-3AD203B41FA5}">
                      <a16:colId xmlns:a16="http://schemas.microsoft.com/office/drawing/2014/main" val="898667060"/>
                    </a:ext>
                  </a:extLst>
                </a:gridCol>
                <a:gridCol w="5617682">
                  <a:extLst>
                    <a:ext uri="{9D8B030D-6E8A-4147-A177-3AD203B41FA5}">
                      <a16:colId xmlns:a16="http://schemas.microsoft.com/office/drawing/2014/main" val="3309057065"/>
                    </a:ext>
                  </a:extLst>
                </a:gridCol>
              </a:tblGrid>
              <a:tr h="1108651"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Form Nam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Data Element group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Data Element </a:t>
                      </a:r>
                      <a:r>
                        <a:rPr lang="en-US" sz="2400" b="1" kern="1200" dirty="0" err="1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Groupset</a:t>
                      </a:r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501152959"/>
                  </a:ext>
                </a:extLst>
              </a:tr>
              <a:tr h="895449">
                <a:tc>
                  <a:txBody>
                    <a:bodyPr/>
                    <a:lstStyle/>
                    <a:p>
                      <a:pPr lvl="0"/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Cases treated with any antimalarial medicine (incl. ACT)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3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7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17920591"/>
                  </a:ext>
                </a:extLst>
              </a:tr>
              <a:tr h="895449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P. falciparum cases treated with single dose primaquine and ACT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87476168"/>
                  </a:ext>
                </a:extLst>
              </a:tr>
              <a:tr h="895449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P. Falciparum cases treated with ACT only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46289086"/>
                  </a:ext>
                </a:extLst>
              </a:tr>
              <a:tr h="895449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Suspected malaria cases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236294805"/>
                  </a:ext>
                </a:extLst>
              </a:tr>
              <a:tr h="895449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Confirmed malaria cases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66147488"/>
                  </a:ext>
                </a:extLst>
              </a:tr>
              <a:tr h="895449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aria cases tested with microscopy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rowSpan="2">
                  <a:txBody>
                    <a:bodyPr/>
                    <a:lstStyle/>
                    <a:p>
                      <a:endParaRPr lang="en-US" sz="18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27839996"/>
                  </a:ext>
                </a:extLst>
              </a:tr>
              <a:tr h="895449">
                <a:tc>
                  <a:txBody>
                    <a:bodyPr/>
                    <a:lstStyle/>
                    <a:p>
                      <a:r>
                        <a:rPr lang="en-US" sz="2200" kern="1200" dirty="0">
                          <a:solidFill>
                            <a:schemeClr val="dk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aria cases positive with microscopy</a:t>
                      </a:r>
                    </a:p>
                  </a:txBody>
                  <a:tcPr anchor="b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789746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506068256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3">
            <a:extLst>
              <a:ext uri="{FF2B5EF4-FFF2-40B4-BE49-F238E27FC236}">
                <a16:creationId xmlns:a16="http://schemas.microsoft.com/office/drawing/2014/main" id="{5BA98194-13C1-D7B6-D750-2D17EE46E2C7}"/>
              </a:ext>
            </a:extLst>
          </p:cNvPr>
          <p:cNvSpPr/>
          <p:nvPr/>
        </p:nvSpPr>
        <p:spPr>
          <a:xfrm>
            <a:off x="2573812" y="1758995"/>
            <a:ext cx="3240687" cy="719668"/>
          </a:xfrm>
          <a:prstGeom prst="roundRect">
            <a:avLst/>
          </a:prstGeom>
          <a:solidFill>
            <a:schemeClr val="tx2"/>
          </a:solidFill>
          <a:ln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Default form</a:t>
            </a:r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3" name="Rectangle: Rounded Corners 3">
            <a:extLst>
              <a:ext uri="{FF2B5EF4-FFF2-40B4-BE49-F238E27FC236}">
                <a16:creationId xmlns:a16="http://schemas.microsoft.com/office/drawing/2014/main" id="{CF2BF7C2-B4FF-9777-F3A7-436B59F4B9B9}"/>
              </a:ext>
            </a:extLst>
          </p:cNvPr>
          <p:cNvSpPr/>
          <p:nvPr/>
        </p:nvSpPr>
        <p:spPr>
          <a:xfrm>
            <a:off x="2573811" y="3274530"/>
            <a:ext cx="3240687" cy="719668"/>
          </a:xfrm>
          <a:prstGeom prst="roundRect">
            <a:avLst/>
          </a:prstGeom>
          <a:solidFill>
            <a:schemeClr val="tx2">
              <a:lumMod val="60000"/>
              <a:lumOff val="40000"/>
            </a:schemeClr>
          </a:solidFill>
          <a:ln>
            <a:solidFill>
              <a:schemeClr val="tx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Section form</a:t>
            </a:r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52D8A193-B560-5FFE-9A2D-F6089021F33D}"/>
              </a:ext>
            </a:extLst>
          </p:cNvPr>
          <p:cNvSpPr/>
          <p:nvPr/>
        </p:nvSpPr>
        <p:spPr>
          <a:xfrm>
            <a:off x="2573810" y="4790066"/>
            <a:ext cx="3240687" cy="719668"/>
          </a:xfrm>
          <a:prstGeom prst="roundRect">
            <a:avLst/>
          </a:prstGeom>
          <a:solidFill>
            <a:schemeClr val="tx2">
              <a:lumMod val="40000"/>
              <a:lumOff val="60000"/>
            </a:schemeClr>
          </a:solidFill>
          <a:ln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Custom form</a:t>
            </a:r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5" name="Rectangle: Rounded Corners 3">
            <a:extLst>
              <a:ext uri="{FF2B5EF4-FFF2-40B4-BE49-F238E27FC236}">
                <a16:creationId xmlns:a16="http://schemas.microsoft.com/office/drawing/2014/main" id="{A3EC9CBD-D515-1089-3CDA-7C50317C3B6F}"/>
              </a:ext>
            </a:extLst>
          </p:cNvPr>
          <p:cNvSpPr/>
          <p:nvPr/>
        </p:nvSpPr>
        <p:spPr>
          <a:xfrm>
            <a:off x="5565115" y="1516343"/>
            <a:ext cx="5694218" cy="1260572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9" name="Rectangle: Rounded Corners 3">
            <a:extLst>
              <a:ext uri="{FF2B5EF4-FFF2-40B4-BE49-F238E27FC236}">
                <a16:creationId xmlns:a16="http://schemas.microsoft.com/office/drawing/2014/main" id="{5473DC94-FAE3-0632-6876-0B4F243FB725}"/>
              </a:ext>
            </a:extLst>
          </p:cNvPr>
          <p:cNvSpPr/>
          <p:nvPr/>
        </p:nvSpPr>
        <p:spPr>
          <a:xfrm>
            <a:off x="5565115" y="3019566"/>
            <a:ext cx="5694218" cy="1260572"/>
          </a:xfrm>
          <a:prstGeom prst="roundRect">
            <a:avLst/>
          </a:prstGeom>
          <a:noFill/>
          <a:ln w="28575">
            <a:solidFill>
              <a:schemeClr val="tx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10" name="Rectangle: Rounded Corners 3">
            <a:extLst>
              <a:ext uri="{FF2B5EF4-FFF2-40B4-BE49-F238E27FC236}">
                <a16:creationId xmlns:a16="http://schemas.microsoft.com/office/drawing/2014/main" id="{29DDF008-9C52-4880-A840-62813896B69D}"/>
              </a:ext>
            </a:extLst>
          </p:cNvPr>
          <p:cNvSpPr/>
          <p:nvPr/>
        </p:nvSpPr>
        <p:spPr>
          <a:xfrm>
            <a:off x="5565115" y="4540108"/>
            <a:ext cx="5694218" cy="1260572"/>
          </a:xfrm>
          <a:prstGeom prst="roundRect">
            <a:avLst/>
          </a:prstGeom>
          <a:noFill/>
          <a:ln w="28575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59322771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: Rounded Corners 3">
            <a:extLst>
              <a:ext uri="{FF2B5EF4-FFF2-40B4-BE49-F238E27FC236}">
                <a16:creationId xmlns:a16="http://schemas.microsoft.com/office/drawing/2014/main" id="{A3EC9CBD-D515-1089-3CDA-7C50317C3B6F}"/>
              </a:ext>
            </a:extLst>
          </p:cNvPr>
          <p:cNvSpPr/>
          <p:nvPr/>
        </p:nvSpPr>
        <p:spPr>
          <a:xfrm>
            <a:off x="3232012" y="1513886"/>
            <a:ext cx="3543165" cy="128103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5EEB9FCF-1A1E-12EE-9F0B-0FA4DD75975E}"/>
              </a:ext>
            </a:extLst>
          </p:cNvPr>
          <p:cNvSpPr/>
          <p:nvPr/>
        </p:nvSpPr>
        <p:spPr>
          <a:xfrm>
            <a:off x="2956284" y="1419125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1</a:t>
            </a:r>
          </a:p>
        </p:txBody>
      </p:sp>
      <p:sp>
        <p:nvSpPr>
          <p:cNvPr id="20" name="Rectangle: Rounded Corners 3">
            <a:extLst>
              <a:ext uri="{FF2B5EF4-FFF2-40B4-BE49-F238E27FC236}">
                <a16:creationId xmlns:a16="http://schemas.microsoft.com/office/drawing/2014/main" id="{DF3B73A3-373B-D986-DBEB-09685B0C6980}"/>
              </a:ext>
            </a:extLst>
          </p:cNvPr>
          <p:cNvSpPr/>
          <p:nvPr/>
        </p:nvSpPr>
        <p:spPr>
          <a:xfrm>
            <a:off x="3232011" y="2961807"/>
            <a:ext cx="3543164" cy="128103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1" name="Oval 20">
            <a:extLst>
              <a:ext uri="{FF2B5EF4-FFF2-40B4-BE49-F238E27FC236}">
                <a16:creationId xmlns:a16="http://schemas.microsoft.com/office/drawing/2014/main" id="{A1A24F10-DC96-3666-C761-7D7071D284D4}"/>
              </a:ext>
            </a:extLst>
          </p:cNvPr>
          <p:cNvSpPr/>
          <p:nvPr/>
        </p:nvSpPr>
        <p:spPr>
          <a:xfrm>
            <a:off x="2956284" y="2867047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2</a:t>
            </a:r>
          </a:p>
        </p:txBody>
      </p:sp>
      <p:sp>
        <p:nvSpPr>
          <p:cNvPr id="22" name="Rectangle: Rounded Corners 3">
            <a:extLst>
              <a:ext uri="{FF2B5EF4-FFF2-40B4-BE49-F238E27FC236}">
                <a16:creationId xmlns:a16="http://schemas.microsoft.com/office/drawing/2014/main" id="{B5163B12-3183-5803-0F18-2595D24E6E4D}"/>
              </a:ext>
            </a:extLst>
          </p:cNvPr>
          <p:cNvSpPr/>
          <p:nvPr/>
        </p:nvSpPr>
        <p:spPr>
          <a:xfrm>
            <a:off x="7104201" y="1513885"/>
            <a:ext cx="3543166" cy="128103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3" name="Oval 22">
            <a:extLst>
              <a:ext uri="{FF2B5EF4-FFF2-40B4-BE49-F238E27FC236}">
                <a16:creationId xmlns:a16="http://schemas.microsoft.com/office/drawing/2014/main" id="{83377F61-ED97-B86B-0964-5EB83A2FA0DA}"/>
              </a:ext>
            </a:extLst>
          </p:cNvPr>
          <p:cNvSpPr/>
          <p:nvPr/>
        </p:nvSpPr>
        <p:spPr>
          <a:xfrm>
            <a:off x="6828477" y="1419125"/>
            <a:ext cx="512029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3</a:t>
            </a:r>
          </a:p>
        </p:txBody>
      </p:sp>
      <p:sp>
        <p:nvSpPr>
          <p:cNvPr id="24" name="Rectangle: Rounded Corners 3">
            <a:extLst>
              <a:ext uri="{FF2B5EF4-FFF2-40B4-BE49-F238E27FC236}">
                <a16:creationId xmlns:a16="http://schemas.microsoft.com/office/drawing/2014/main" id="{6AA2D607-C1B2-6C4A-04B4-5E73D040E385}"/>
              </a:ext>
            </a:extLst>
          </p:cNvPr>
          <p:cNvSpPr/>
          <p:nvPr/>
        </p:nvSpPr>
        <p:spPr>
          <a:xfrm>
            <a:off x="7113166" y="2986111"/>
            <a:ext cx="3543165" cy="1256733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5" name="Oval 24">
            <a:extLst>
              <a:ext uri="{FF2B5EF4-FFF2-40B4-BE49-F238E27FC236}">
                <a16:creationId xmlns:a16="http://schemas.microsoft.com/office/drawing/2014/main" id="{FD7D5788-3B80-2F31-84B2-E1501F6AED78}"/>
              </a:ext>
            </a:extLst>
          </p:cNvPr>
          <p:cNvSpPr/>
          <p:nvPr/>
        </p:nvSpPr>
        <p:spPr>
          <a:xfrm>
            <a:off x="6837436" y="2909277"/>
            <a:ext cx="520830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4</a:t>
            </a:r>
          </a:p>
        </p:txBody>
      </p:sp>
      <p:sp>
        <p:nvSpPr>
          <p:cNvPr id="2" name="Rectangle: Rounded Corners 3">
            <a:extLst>
              <a:ext uri="{FF2B5EF4-FFF2-40B4-BE49-F238E27FC236}">
                <a16:creationId xmlns:a16="http://schemas.microsoft.com/office/drawing/2014/main" id="{753CC52B-2875-AC8D-D369-54F06A4F1F27}"/>
              </a:ext>
            </a:extLst>
          </p:cNvPr>
          <p:cNvSpPr/>
          <p:nvPr/>
        </p:nvSpPr>
        <p:spPr>
          <a:xfrm>
            <a:off x="5230579" y="4434032"/>
            <a:ext cx="3543165" cy="1256733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7" name="Oval 26">
            <a:extLst>
              <a:ext uri="{FF2B5EF4-FFF2-40B4-BE49-F238E27FC236}">
                <a16:creationId xmlns:a16="http://schemas.microsoft.com/office/drawing/2014/main" id="{3CC4AA6B-9777-DE1B-B34D-582B8832638B}"/>
              </a:ext>
            </a:extLst>
          </p:cNvPr>
          <p:cNvSpPr/>
          <p:nvPr/>
        </p:nvSpPr>
        <p:spPr>
          <a:xfrm>
            <a:off x="4962254" y="4313725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5</a:t>
            </a:r>
          </a:p>
        </p:txBody>
      </p:sp>
    </p:spTree>
    <p:extLst>
      <p:ext uri="{BB962C8B-B14F-4D97-AF65-F5344CB8AC3E}">
        <p14:creationId xmlns:p14="http://schemas.microsoft.com/office/powerpoint/2010/main" val="1943625225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Graphic 2" descr="Arrow: Clockwise curve with solid fill">
            <a:extLst>
              <a:ext uri="{FF2B5EF4-FFF2-40B4-BE49-F238E27FC236}">
                <a16:creationId xmlns:a16="http://schemas.microsoft.com/office/drawing/2014/main" id="{83EB007F-994C-C9C8-7A91-40C18DA0C35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 rot="10021836">
            <a:off x="6729112" y="2496175"/>
            <a:ext cx="914400" cy="914400"/>
          </a:xfrm>
          <a:prstGeom prst="rect">
            <a:avLst/>
          </a:prstGeom>
        </p:spPr>
      </p:pic>
      <p:pic>
        <p:nvPicPr>
          <p:cNvPr id="4" name="Graphic 3" descr="Arrow: Slight curve with solid fill">
            <a:extLst>
              <a:ext uri="{FF2B5EF4-FFF2-40B4-BE49-F238E27FC236}">
                <a16:creationId xmlns:a16="http://schemas.microsoft.com/office/drawing/2014/main" id="{0D666672-B33F-A660-7EA3-09AA34F76EF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 rot="17363623">
            <a:off x="6737387" y="4497818"/>
            <a:ext cx="914400" cy="914400"/>
          </a:xfrm>
          <a:prstGeom prst="rect">
            <a:avLst/>
          </a:prstGeom>
        </p:spPr>
      </p:pic>
      <p:pic>
        <p:nvPicPr>
          <p:cNvPr id="5" name="Graphic 4" descr="Arrow: Clockwise curve with solid fill">
            <a:extLst>
              <a:ext uri="{FF2B5EF4-FFF2-40B4-BE49-F238E27FC236}">
                <a16:creationId xmlns:a16="http://schemas.microsoft.com/office/drawing/2014/main" id="{E6AA5311-5E76-F019-8CE8-1C2FC3728BC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 rot="11452417" flipH="1">
            <a:off x="10094736" y="2733765"/>
            <a:ext cx="914400" cy="914400"/>
          </a:xfrm>
          <a:prstGeom prst="rect">
            <a:avLst/>
          </a:prstGeom>
        </p:spPr>
      </p:pic>
      <p:sp>
        <p:nvSpPr>
          <p:cNvPr id="6" name="Rectangle: Rounded Corners 7">
            <a:extLst>
              <a:ext uri="{FF2B5EF4-FFF2-40B4-BE49-F238E27FC236}">
                <a16:creationId xmlns:a16="http://schemas.microsoft.com/office/drawing/2014/main" id="{06946429-4CF4-6029-0DF5-64B6D0D9FF84}"/>
              </a:ext>
            </a:extLst>
          </p:cNvPr>
          <p:cNvSpPr/>
          <p:nvPr/>
        </p:nvSpPr>
        <p:spPr>
          <a:xfrm>
            <a:off x="2301814" y="3662846"/>
            <a:ext cx="2738367" cy="580571"/>
          </a:xfrm>
          <a:prstGeom prst="roundRect">
            <a:avLst/>
          </a:prstGeom>
          <a:solidFill>
            <a:schemeClr val="tx2"/>
          </a:solidFill>
          <a:ln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bg1"/>
                </a:solidFill>
              </a:rPr>
              <a:t>Indicator 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830541B7-B683-3A46-ADB5-49F85B90C8AF}"/>
              </a:ext>
            </a:extLst>
          </p:cNvPr>
          <p:cNvSpPr txBox="1"/>
          <p:nvPr/>
        </p:nvSpPr>
        <p:spPr>
          <a:xfrm>
            <a:off x="6070436" y="3318172"/>
            <a:ext cx="290222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buClr>
                <a:srgbClr val="008CCF"/>
              </a:buClr>
            </a:pPr>
            <a:r>
              <a:rPr lang="en-US" sz="2800" dirty="0"/>
              <a:t>Numerator 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B3D5220-13ED-08CD-8EDF-490176D685EF}"/>
              </a:ext>
            </a:extLst>
          </p:cNvPr>
          <p:cNvSpPr txBox="1"/>
          <p:nvPr/>
        </p:nvSpPr>
        <p:spPr>
          <a:xfrm>
            <a:off x="6070440" y="4013737"/>
            <a:ext cx="295006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buClr>
                <a:srgbClr val="008CCF"/>
              </a:buClr>
            </a:pPr>
            <a:r>
              <a:rPr lang="en-US" sz="2800" dirty="0"/>
              <a:t>Denominator </a:t>
            </a:r>
          </a:p>
        </p:txBody>
      </p:sp>
      <p:cxnSp>
        <p:nvCxnSpPr>
          <p:cNvPr id="9" name="Straight Connector 8">
            <a:extLst>
              <a:ext uri="{FF2B5EF4-FFF2-40B4-BE49-F238E27FC236}">
                <a16:creationId xmlns:a16="http://schemas.microsoft.com/office/drawing/2014/main" id="{0646B4B4-C1FE-D4B8-549C-FAE93C605034}"/>
              </a:ext>
            </a:extLst>
          </p:cNvPr>
          <p:cNvCxnSpPr/>
          <p:nvPr/>
        </p:nvCxnSpPr>
        <p:spPr>
          <a:xfrm>
            <a:off x="6070436" y="3952181"/>
            <a:ext cx="2902226" cy="0"/>
          </a:xfrm>
          <a:prstGeom prst="line">
            <a:avLst/>
          </a:prstGeom>
          <a:ln w="47625" cap="rnd">
            <a:solidFill>
              <a:schemeClr val="tx1"/>
            </a:solidFill>
            <a:prstDash val="solid"/>
            <a:headEnd type="none" w="lg" len="lg"/>
            <a:tailEnd type="non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E9BA522A-A2AB-7573-4117-7C6923BB5D56}"/>
              </a:ext>
            </a:extLst>
          </p:cNvPr>
          <p:cNvSpPr txBox="1"/>
          <p:nvPr/>
        </p:nvSpPr>
        <p:spPr>
          <a:xfrm>
            <a:off x="5401322" y="3629019"/>
            <a:ext cx="447558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600" dirty="0"/>
              <a:t>=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001FC824-856B-2D92-DADF-4E231EFC8AA5}"/>
              </a:ext>
            </a:extLst>
          </p:cNvPr>
          <p:cNvSpPr txBox="1"/>
          <p:nvPr/>
        </p:nvSpPr>
        <p:spPr>
          <a:xfrm>
            <a:off x="9224698" y="3690572"/>
            <a:ext cx="42351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800" dirty="0"/>
              <a:t>X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7F8C6042-464A-168A-8532-26CF19222C50}"/>
              </a:ext>
            </a:extLst>
          </p:cNvPr>
          <p:cNvSpPr txBox="1"/>
          <p:nvPr/>
        </p:nvSpPr>
        <p:spPr>
          <a:xfrm>
            <a:off x="9595198" y="3641173"/>
            <a:ext cx="172097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200" dirty="0"/>
              <a:t>Factor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E2B67D09-0558-90F4-C219-334AFA212812}"/>
              </a:ext>
            </a:extLst>
          </p:cNvPr>
          <p:cNvSpPr txBox="1"/>
          <p:nvPr/>
        </p:nvSpPr>
        <p:spPr>
          <a:xfrm>
            <a:off x="5625101" y="5324201"/>
            <a:ext cx="22436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Data element </a:t>
            </a: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C1F53FE3-F69E-427F-BB7A-D7004521D613}"/>
              </a:ext>
            </a:extLst>
          </p:cNvPr>
          <p:cNvSpPr txBox="1"/>
          <p:nvPr/>
        </p:nvSpPr>
        <p:spPr>
          <a:xfrm>
            <a:off x="5327689" y="2214437"/>
            <a:ext cx="22436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Data element 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9ECF8E67-C343-0967-EF67-099BC17F6880}"/>
              </a:ext>
            </a:extLst>
          </p:cNvPr>
          <p:cNvSpPr txBox="1"/>
          <p:nvPr/>
        </p:nvSpPr>
        <p:spPr>
          <a:xfrm>
            <a:off x="9638597" y="2137124"/>
            <a:ext cx="256780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Indicator type </a:t>
            </a:r>
          </a:p>
        </p:txBody>
      </p:sp>
    </p:spTree>
    <p:extLst>
      <p:ext uri="{BB962C8B-B14F-4D97-AF65-F5344CB8AC3E}">
        <p14:creationId xmlns:p14="http://schemas.microsoft.com/office/powerpoint/2010/main" val="25026999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8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9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/>
      <p:bldP spid="8" grpId="0"/>
      <p:bldP spid="10" grpId="0"/>
      <p:bldP spid="11" grpId="0"/>
      <p:bldP spid="12" grpId="0"/>
      <p:bldP spid="13" grpId="0"/>
      <p:bldP spid="14" grpId="0"/>
      <p:bldP spid="15" grpId="0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B5D47639-17DF-4086-8914-3B834707845F}"/>
              </a:ext>
            </a:extLst>
          </p:cNvPr>
          <p:cNvSpPr/>
          <p:nvPr/>
        </p:nvSpPr>
        <p:spPr>
          <a:xfrm>
            <a:off x="6387780" y="3928298"/>
            <a:ext cx="2902226" cy="737477"/>
          </a:xfrm>
          <a:prstGeom prst="round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rIns="0" rtlCol="0" anchor="ctr"/>
          <a:lstStyle/>
          <a:p>
            <a:pPr algn="ctr">
              <a:buClr>
                <a:srgbClr val="008CCF"/>
              </a:buClr>
            </a:pPr>
            <a:r>
              <a:rPr lang="en-US" dirty="0"/>
              <a:t>Population live births</a:t>
            </a:r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9E538C24-AC36-4AF7-BE48-A89C5A955707}"/>
              </a:ext>
            </a:extLst>
          </p:cNvPr>
          <p:cNvSpPr/>
          <p:nvPr/>
        </p:nvSpPr>
        <p:spPr>
          <a:xfrm>
            <a:off x="6301997" y="2744723"/>
            <a:ext cx="2988011" cy="698369"/>
          </a:xfrm>
          <a:prstGeom prst="round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rIns="0" rtlCol="0" anchor="ctr"/>
          <a:lstStyle/>
          <a:p>
            <a:pPr algn="ctr">
              <a:buClr>
                <a:srgbClr val="008CCF"/>
              </a:buClr>
            </a:pPr>
            <a:r>
              <a:rPr lang="en-US" dirty="0">
                <a:solidFill>
                  <a:schemeClr val="bg1"/>
                </a:solidFill>
              </a:rPr>
              <a:t>Delivery in facility</a:t>
            </a:r>
          </a:p>
        </p:txBody>
      </p: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588DB929-60AA-496C-BCED-AC9F54B26EB1}"/>
              </a:ext>
            </a:extLst>
          </p:cNvPr>
          <p:cNvSpPr/>
          <p:nvPr/>
        </p:nvSpPr>
        <p:spPr>
          <a:xfrm>
            <a:off x="1223936" y="3401582"/>
            <a:ext cx="3361075" cy="737477"/>
          </a:xfrm>
          <a:prstGeom prst="roundRect">
            <a:avLst/>
          </a:prstGeom>
          <a:solidFill>
            <a:schemeClr val="tx2"/>
          </a:solidFill>
          <a:ln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solidFill>
                  <a:schemeClr val="bg1"/>
                </a:solidFill>
              </a:rPr>
              <a:t>Institutional delivery rate </a:t>
            </a:r>
            <a:endParaRPr lang="en-US" dirty="0">
              <a:solidFill>
                <a:schemeClr val="tx2"/>
              </a:solidFill>
            </a:endParaRPr>
          </a:p>
        </p:txBody>
      </p:sp>
      <p:sp>
        <p:nvSpPr>
          <p:cNvPr id="16" name="Rectangle 1">
            <a:extLst>
              <a:ext uri="{FF2B5EF4-FFF2-40B4-BE49-F238E27FC236}">
                <a16:creationId xmlns:a16="http://schemas.microsoft.com/office/drawing/2014/main" id="{40BC43F9-87B7-4EE1-ADAA-D5924ED70C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43744" y="-747652"/>
            <a:ext cx="532518" cy="24622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US" altLang="en-US" sz="1000" dirty="0">
                <a:solidFill>
                  <a:srgbClr val="42484E"/>
                </a:solidFill>
                <a:latin typeface="Roboto" panose="02000000000000000000" pitchFamily="2" charset="0"/>
                <a:ea typeface="Times New Roman" panose="02020603050405020304" pitchFamily="18" charset="0"/>
                <a:cs typeface="Times New Roman" panose="02020603050405020304" pitchFamily="18" charset="0"/>
              </a:rPr>
              <a:t>DONE</a:t>
            </a:r>
            <a:r>
              <a:rPr lang="en-US" altLang="en-US" sz="400" dirty="0"/>
              <a:t> </a:t>
            </a:r>
            <a:endParaRPr lang="en-US" altLang="en-US" dirty="0">
              <a:latin typeface="Arial" panose="020B0604020202020204" pitchFamily="34" charset="0"/>
            </a:endParaRPr>
          </a:p>
        </p:txBody>
      </p: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D09C0D8B-4E9D-4AC9-B544-741F80C93DEE}"/>
              </a:ext>
            </a:extLst>
          </p:cNvPr>
          <p:cNvCxnSpPr>
            <a:cxnSpLocks/>
          </p:cNvCxnSpPr>
          <p:nvPr/>
        </p:nvCxnSpPr>
        <p:spPr>
          <a:xfrm>
            <a:off x="5506986" y="3690917"/>
            <a:ext cx="4479357" cy="0"/>
          </a:xfrm>
          <a:prstGeom prst="line">
            <a:avLst/>
          </a:prstGeom>
          <a:ln w="47625" cap="rnd">
            <a:solidFill>
              <a:schemeClr val="tx1"/>
            </a:solidFill>
            <a:prstDash val="solid"/>
            <a:headEnd type="none" w="lg" len="lg"/>
            <a:tailEnd type="non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9" name="TextBox 18">
            <a:extLst>
              <a:ext uri="{FF2B5EF4-FFF2-40B4-BE49-F238E27FC236}">
                <a16:creationId xmlns:a16="http://schemas.microsoft.com/office/drawing/2014/main" id="{B154B90B-FD0B-4513-8A1C-6126A4B0F1DD}"/>
              </a:ext>
            </a:extLst>
          </p:cNvPr>
          <p:cNvSpPr txBox="1"/>
          <p:nvPr/>
        </p:nvSpPr>
        <p:spPr>
          <a:xfrm>
            <a:off x="4837868" y="3367755"/>
            <a:ext cx="44755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600" dirty="0"/>
              <a:t>=</a:t>
            </a:r>
          </a:p>
        </p:txBody>
      </p:sp>
      <p:sp>
        <p:nvSpPr>
          <p:cNvPr id="37" name="TextBox 36">
            <a:extLst>
              <a:ext uri="{FF2B5EF4-FFF2-40B4-BE49-F238E27FC236}">
                <a16:creationId xmlns:a16="http://schemas.microsoft.com/office/drawing/2014/main" id="{8D37F7ED-5E42-44D7-AB46-48C77B3EC53E}"/>
              </a:ext>
            </a:extLst>
          </p:cNvPr>
          <p:cNvSpPr txBox="1"/>
          <p:nvPr/>
        </p:nvSpPr>
        <p:spPr>
          <a:xfrm>
            <a:off x="10392359" y="3451772"/>
            <a:ext cx="41389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800" dirty="0"/>
              <a:t>X</a:t>
            </a:r>
          </a:p>
        </p:txBody>
      </p:sp>
      <p:sp>
        <p:nvSpPr>
          <p:cNvPr id="38" name="TextBox 37">
            <a:extLst>
              <a:ext uri="{FF2B5EF4-FFF2-40B4-BE49-F238E27FC236}">
                <a16:creationId xmlns:a16="http://schemas.microsoft.com/office/drawing/2014/main" id="{C6BF4E92-CD75-442C-AB08-049A834AB20E}"/>
              </a:ext>
            </a:extLst>
          </p:cNvPr>
          <p:cNvSpPr txBox="1"/>
          <p:nvPr/>
        </p:nvSpPr>
        <p:spPr>
          <a:xfrm>
            <a:off x="10731142" y="3408684"/>
            <a:ext cx="114302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200" dirty="0"/>
              <a:t>100</a:t>
            </a:r>
          </a:p>
        </p:txBody>
      </p:sp>
      <p:pic>
        <p:nvPicPr>
          <p:cNvPr id="6" name="Graphic 5" descr="Arrow: Counter-clockwise curve with solid fill">
            <a:extLst>
              <a:ext uri="{FF2B5EF4-FFF2-40B4-BE49-F238E27FC236}">
                <a16:creationId xmlns:a16="http://schemas.microsoft.com/office/drawing/2014/main" id="{2DE5F4BD-5A74-3230-17B6-C8A44CA0A22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 rot="4024820">
            <a:off x="6955845" y="4652834"/>
            <a:ext cx="914400" cy="914400"/>
          </a:xfrm>
          <a:prstGeom prst="rect">
            <a:avLst/>
          </a:prstGeom>
        </p:spPr>
      </p:pic>
      <p:pic>
        <p:nvPicPr>
          <p:cNvPr id="10" name="Graphic 9" descr="Arrow: Clockwise curve with solid fill">
            <a:extLst>
              <a:ext uri="{FF2B5EF4-FFF2-40B4-BE49-F238E27FC236}">
                <a16:creationId xmlns:a16="http://schemas.microsoft.com/office/drawing/2014/main" id="{D45B1DF9-8173-9DF8-F5CC-92309E2554BA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 rot="8377117">
            <a:off x="6311367" y="1687774"/>
            <a:ext cx="914400" cy="914400"/>
          </a:xfrm>
          <a:prstGeom prst="rect">
            <a:avLst/>
          </a:prstGeom>
        </p:spPr>
      </p:pic>
      <p:pic>
        <p:nvPicPr>
          <p:cNvPr id="17" name="Graphic 16" descr="Arrow: Counter-clockwise curve with solid fill">
            <a:extLst>
              <a:ext uri="{FF2B5EF4-FFF2-40B4-BE49-F238E27FC236}">
                <a16:creationId xmlns:a16="http://schemas.microsoft.com/office/drawing/2014/main" id="{8BD7485D-3E82-E0DF-32B6-887E1942AA6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 rot="4024820">
            <a:off x="10513674" y="3912273"/>
            <a:ext cx="914400" cy="914400"/>
          </a:xfrm>
          <a:prstGeom prst="rect">
            <a:avLst/>
          </a:prstGeom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05F66E4E-0E33-640C-A7DA-ACF8B33909E8}"/>
              </a:ext>
            </a:extLst>
          </p:cNvPr>
          <p:cNvSpPr txBox="1"/>
          <p:nvPr/>
        </p:nvSpPr>
        <p:spPr>
          <a:xfrm>
            <a:off x="4503104" y="1770980"/>
            <a:ext cx="1798890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Numerator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746E8259-62F3-814B-DEB8-1385B8A18535}"/>
              </a:ext>
            </a:extLst>
          </p:cNvPr>
          <p:cNvSpPr txBox="1"/>
          <p:nvPr/>
        </p:nvSpPr>
        <p:spPr>
          <a:xfrm>
            <a:off x="4842872" y="5149196"/>
            <a:ext cx="2127505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Denominator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638878C4-16A0-3CF3-CD27-42D821422C7F}"/>
              </a:ext>
            </a:extLst>
          </p:cNvPr>
          <p:cNvSpPr txBox="1"/>
          <p:nvPr/>
        </p:nvSpPr>
        <p:spPr>
          <a:xfrm>
            <a:off x="9983222" y="4844242"/>
            <a:ext cx="1168910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Factor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9136576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845" advClick="0" advTm="20040">
        <p159:morph option="byObject"/>
      </p:transition>
    </mc:Choice>
    <mc:Fallback xmlns="">
      <p:transition spd="slow" advClick="0" advTm="20040">
        <p:fade/>
      </p:transition>
    </mc:Fallback>
  </mc:AlternateContent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B5D47639-17DF-4086-8914-3B834707845F}"/>
              </a:ext>
            </a:extLst>
          </p:cNvPr>
          <p:cNvSpPr/>
          <p:nvPr/>
        </p:nvSpPr>
        <p:spPr>
          <a:xfrm>
            <a:off x="6882214" y="4243416"/>
            <a:ext cx="2648641" cy="826839"/>
          </a:xfrm>
          <a:prstGeom prst="round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rIns="0" rtlCol="0" anchor="ctr"/>
          <a:lstStyle/>
          <a:p>
            <a:pPr algn="ctr">
              <a:buClr>
                <a:srgbClr val="008CCF"/>
              </a:buClr>
            </a:pPr>
            <a:r>
              <a:rPr lang="en-US" dirty="0"/>
              <a:t>Population expected pregnant women</a:t>
            </a:r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9E538C24-AC36-4AF7-BE48-A89C5A955707}"/>
              </a:ext>
            </a:extLst>
          </p:cNvPr>
          <p:cNvSpPr/>
          <p:nvPr/>
        </p:nvSpPr>
        <p:spPr>
          <a:xfrm>
            <a:off x="6453135" y="3002203"/>
            <a:ext cx="3433308" cy="646331"/>
          </a:xfrm>
          <a:prstGeom prst="round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rIns="0" rtlCol="0" anchor="ctr"/>
          <a:lstStyle/>
          <a:p>
            <a:pPr algn="ctr">
              <a:buClr>
                <a:srgbClr val="008CCF"/>
              </a:buClr>
            </a:pPr>
            <a:r>
              <a:rPr lang="en-US" dirty="0">
                <a:solidFill>
                  <a:schemeClr val="bg1"/>
                </a:solidFill>
              </a:rPr>
              <a:t>ANC 4</a:t>
            </a:r>
            <a:r>
              <a:rPr lang="en-US" baseline="30000" dirty="0">
                <a:solidFill>
                  <a:schemeClr val="bg1"/>
                </a:solidFill>
              </a:rPr>
              <a:t>th</a:t>
            </a:r>
            <a:r>
              <a:rPr lang="en-US" dirty="0">
                <a:solidFill>
                  <a:schemeClr val="bg1"/>
                </a:solidFill>
              </a:rPr>
              <a:t> visit</a:t>
            </a:r>
          </a:p>
        </p:txBody>
      </p: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588DB929-60AA-496C-BCED-AC9F54B26EB1}"/>
              </a:ext>
            </a:extLst>
          </p:cNvPr>
          <p:cNvSpPr/>
          <p:nvPr/>
        </p:nvSpPr>
        <p:spPr>
          <a:xfrm>
            <a:off x="2449134" y="3662842"/>
            <a:ext cx="3361075" cy="800100"/>
          </a:xfrm>
          <a:prstGeom prst="roundRect">
            <a:avLst/>
          </a:prstGeom>
          <a:solidFill>
            <a:schemeClr val="tx2"/>
          </a:solidFill>
          <a:ln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solidFill>
                  <a:schemeClr val="bg1"/>
                </a:solidFill>
              </a:rPr>
              <a:t>ANC 4</a:t>
            </a:r>
            <a:r>
              <a:rPr lang="en-US" baseline="30000" dirty="0">
                <a:solidFill>
                  <a:schemeClr val="bg1"/>
                </a:solidFill>
              </a:rPr>
              <a:t>TH</a:t>
            </a:r>
            <a:r>
              <a:rPr lang="en-US" dirty="0">
                <a:solidFill>
                  <a:schemeClr val="bg1"/>
                </a:solidFill>
              </a:rPr>
              <a:t> visit coverage</a:t>
            </a:r>
            <a:endParaRPr lang="en-US" dirty="0">
              <a:solidFill>
                <a:schemeClr val="tx2"/>
              </a:solidFill>
            </a:endParaRPr>
          </a:p>
        </p:txBody>
      </p:sp>
      <p:sp>
        <p:nvSpPr>
          <p:cNvPr id="16" name="Rectangle 1">
            <a:extLst>
              <a:ext uri="{FF2B5EF4-FFF2-40B4-BE49-F238E27FC236}">
                <a16:creationId xmlns:a16="http://schemas.microsoft.com/office/drawing/2014/main" id="{40BC43F9-87B7-4EE1-ADAA-D5924ED70C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43744" y="-747652"/>
            <a:ext cx="532518" cy="24622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US" altLang="en-US" sz="1000" dirty="0">
                <a:solidFill>
                  <a:srgbClr val="42484E"/>
                </a:solidFill>
                <a:latin typeface="Roboto" panose="02000000000000000000" pitchFamily="2" charset="0"/>
                <a:ea typeface="Times New Roman" panose="02020603050405020304" pitchFamily="18" charset="0"/>
                <a:cs typeface="Times New Roman" panose="02020603050405020304" pitchFamily="18" charset="0"/>
              </a:rPr>
              <a:t>DONE</a:t>
            </a:r>
            <a:r>
              <a:rPr lang="en-US" altLang="en-US" sz="400" dirty="0"/>
              <a:t> </a:t>
            </a:r>
            <a:endParaRPr lang="en-US" altLang="en-US" dirty="0">
              <a:latin typeface="Arial" panose="020B0604020202020204" pitchFamily="34" charset="0"/>
            </a:endParaRPr>
          </a:p>
        </p:txBody>
      </p: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D09C0D8B-4E9D-4AC9-B544-741F80C93DEE}"/>
              </a:ext>
            </a:extLst>
          </p:cNvPr>
          <p:cNvCxnSpPr/>
          <p:nvPr/>
        </p:nvCxnSpPr>
        <p:spPr>
          <a:xfrm>
            <a:off x="6732179" y="3952181"/>
            <a:ext cx="2902226" cy="0"/>
          </a:xfrm>
          <a:prstGeom prst="line">
            <a:avLst/>
          </a:prstGeom>
          <a:ln w="47625" cap="rnd">
            <a:solidFill>
              <a:schemeClr val="tx1"/>
            </a:solidFill>
            <a:prstDash val="solid"/>
            <a:headEnd type="none" w="lg" len="lg"/>
            <a:tailEnd type="non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9" name="TextBox 18">
            <a:extLst>
              <a:ext uri="{FF2B5EF4-FFF2-40B4-BE49-F238E27FC236}">
                <a16:creationId xmlns:a16="http://schemas.microsoft.com/office/drawing/2014/main" id="{B154B90B-FD0B-4513-8A1C-6126A4B0F1DD}"/>
              </a:ext>
            </a:extLst>
          </p:cNvPr>
          <p:cNvSpPr txBox="1"/>
          <p:nvPr/>
        </p:nvSpPr>
        <p:spPr>
          <a:xfrm>
            <a:off x="6063065" y="3629019"/>
            <a:ext cx="447558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600" dirty="0"/>
              <a:t>=</a:t>
            </a:r>
          </a:p>
        </p:txBody>
      </p:sp>
      <p:sp>
        <p:nvSpPr>
          <p:cNvPr id="37" name="TextBox 36">
            <a:extLst>
              <a:ext uri="{FF2B5EF4-FFF2-40B4-BE49-F238E27FC236}">
                <a16:creationId xmlns:a16="http://schemas.microsoft.com/office/drawing/2014/main" id="{8D37F7ED-5E42-44D7-AB46-48C77B3EC53E}"/>
              </a:ext>
            </a:extLst>
          </p:cNvPr>
          <p:cNvSpPr txBox="1"/>
          <p:nvPr/>
        </p:nvSpPr>
        <p:spPr>
          <a:xfrm>
            <a:off x="9886441" y="3690572"/>
            <a:ext cx="42351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800" dirty="0"/>
              <a:t>X</a:t>
            </a:r>
          </a:p>
        </p:txBody>
      </p:sp>
      <p:sp>
        <p:nvSpPr>
          <p:cNvPr id="38" name="TextBox 37">
            <a:extLst>
              <a:ext uri="{FF2B5EF4-FFF2-40B4-BE49-F238E27FC236}">
                <a16:creationId xmlns:a16="http://schemas.microsoft.com/office/drawing/2014/main" id="{C6BF4E92-CD75-442C-AB08-049A834AB20E}"/>
              </a:ext>
            </a:extLst>
          </p:cNvPr>
          <p:cNvSpPr txBox="1"/>
          <p:nvPr/>
        </p:nvSpPr>
        <p:spPr>
          <a:xfrm>
            <a:off x="10353198" y="3641173"/>
            <a:ext cx="907621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200" dirty="0"/>
              <a:t>100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79189145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845" advClick="0" advTm="20040">
        <p159:morph option="byObject"/>
      </p:transition>
    </mc:Choice>
    <mc:Fallback xmlns="">
      <p:transition spd="slow" advClick="0" advTm="20040">
        <p:fade/>
      </p:transition>
    </mc:Fallback>
  </mc:AlternateContent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B5D47639-17DF-4086-8914-3B834707845F}"/>
              </a:ext>
            </a:extLst>
          </p:cNvPr>
          <p:cNvSpPr/>
          <p:nvPr/>
        </p:nvSpPr>
        <p:spPr>
          <a:xfrm>
            <a:off x="6490318" y="4129114"/>
            <a:ext cx="2648641" cy="826839"/>
          </a:xfrm>
          <a:prstGeom prst="round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rIns="0" rtlCol="0" anchor="ctr"/>
          <a:lstStyle/>
          <a:p>
            <a:pPr algn="ctr">
              <a:buClr>
                <a:srgbClr val="008CCF"/>
              </a:buClr>
            </a:pPr>
            <a:r>
              <a:rPr lang="en-US" dirty="0"/>
              <a:t>Population expected pregnant women</a:t>
            </a:r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9E538C24-AC36-4AF7-BE48-A89C5A955707}"/>
              </a:ext>
            </a:extLst>
          </p:cNvPr>
          <p:cNvSpPr/>
          <p:nvPr/>
        </p:nvSpPr>
        <p:spPr>
          <a:xfrm>
            <a:off x="6061238" y="2887900"/>
            <a:ext cx="3433308" cy="646331"/>
          </a:xfrm>
          <a:prstGeom prst="round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rIns="0" rtlCol="0" anchor="ctr"/>
          <a:lstStyle/>
          <a:p>
            <a:pPr algn="ctr">
              <a:buClr>
                <a:srgbClr val="008CCF"/>
              </a:buClr>
            </a:pPr>
            <a:r>
              <a:rPr lang="en-US" dirty="0">
                <a:solidFill>
                  <a:schemeClr val="bg1"/>
                </a:solidFill>
              </a:rPr>
              <a:t>ANC 4</a:t>
            </a:r>
            <a:r>
              <a:rPr lang="en-US" baseline="30000" dirty="0">
                <a:solidFill>
                  <a:schemeClr val="bg1"/>
                </a:solidFill>
              </a:rPr>
              <a:t>th</a:t>
            </a:r>
            <a:r>
              <a:rPr lang="en-US" dirty="0">
                <a:solidFill>
                  <a:schemeClr val="bg1"/>
                </a:solidFill>
              </a:rPr>
              <a:t> visit</a:t>
            </a:r>
          </a:p>
        </p:txBody>
      </p: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588DB929-60AA-496C-BCED-AC9F54B26EB1}"/>
              </a:ext>
            </a:extLst>
          </p:cNvPr>
          <p:cNvSpPr/>
          <p:nvPr/>
        </p:nvSpPr>
        <p:spPr>
          <a:xfrm>
            <a:off x="2057238" y="3548539"/>
            <a:ext cx="3361075" cy="800100"/>
          </a:xfrm>
          <a:prstGeom prst="roundRect">
            <a:avLst/>
          </a:prstGeom>
          <a:solidFill>
            <a:schemeClr val="tx2"/>
          </a:solidFill>
          <a:ln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solidFill>
                  <a:schemeClr val="bg1"/>
                </a:solidFill>
              </a:rPr>
              <a:t>ANC 4</a:t>
            </a:r>
            <a:r>
              <a:rPr lang="en-US" baseline="30000" dirty="0">
                <a:solidFill>
                  <a:schemeClr val="bg1"/>
                </a:solidFill>
              </a:rPr>
              <a:t>TH</a:t>
            </a:r>
            <a:r>
              <a:rPr lang="en-US" dirty="0">
                <a:solidFill>
                  <a:schemeClr val="bg1"/>
                </a:solidFill>
              </a:rPr>
              <a:t> visit coverage</a:t>
            </a:r>
            <a:endParaRPr lang="en-US" dirty="0">
              <a:solidFill>
                <a:schemeClr val="tx2"/>
              </a:solidFill>
            </a:endParaRPr>
          </a:p>
        </p:txBody>
      </p:sp>
      <p:sp>
        <p:nvSpPr>
          <p:cNvPr id="16" name="Rectangle 1">
            <a:extLst>
              <a:ext uri="{FF2B5EF4-FFF2-40B4-BE49-F238E27FC236}">
                <a16:creationId xmlns:a16="http://schemas.microsoft.com/office/drawing/2014/main" id="{40BC43F9-87B7-4EE1-ADAA-D5924ED70C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43744" y="-747652"/>
            <a:ext cx="532518" cy="24622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US" altLang="en-US" sz="1000" dirty="0">
                <a:solidFill>
                  <a:srgbClr val="42484E"/>
                </a:solidFill>
                <a:latin typeface="Roboto" panose="02000000000000000000" pitchFamily="2" charset="0"/>
                <a:ea typeface="Times New Roman" panose="02020603050405020304" pitchFamily="18" charset="0"/>
                <a:cs typeface="Times New Roman" panose="02020603050405020304" pitchFamily="18" charset="0"/>
              </a:rPr>
              <a:t>DONE</a:t>
            </a:r>
            <a:r>
              <a:rPr lang="en-US" altLang="en-US" sz="400" dirty="0"/>
              <a:t> </a:t>
            </a:r>
            <a:endParaRPr lang="en-US" altLang="en-US" dirty="0">
              <a:latin typeface="Arial" panose="020B0604020202020204" pitchFamily="34" charset="0"/>
            </a:endParaRPr>
          </a:p>
        </p:txBody>
      </p: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D09C0D8B-4E9D-4AC9-B544-741F80C93DEE}"/>
              </a:ext>
            </a:extLst>
          </p:cNvPr>
          <p:cNvCxnSpPr/>
          <p:nvPr/>
        </p:nvCxnSpPr>
        <p:spPr>
          <a:xfrm>
            <a:off x="6340283" y="3837878"/>
            <a:ext cx="2902226" cy="0"/>
          </a:xfrm>
          <a:prstGeom prst="line">
            <a:avLst/>
          </a:prstGeom>
          <a:ln w="47625" cap="rnd">
            <a:solidFill>
              <a:schemeClr val="tx1"/>
            </a:solidFill>
            <a:prstDash val="solid"/>
            <a:headEnd type="none" w="lg" len="lg"/>
            <a:tailEnd type="non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9" name="TextBox 18">
            <a:extLst>
              <a:ext uri="{FF2B5EF4-FFF2-40B4-BE49-F238E27FC236}">
                <a16:creationId xmlns:a16="http://schemas.microsoft.com/office/drawing/2014/main" id="{B154B90B-FD0B-4513-8A1C-6126A4B0F1DD}"/>
              </a:ext>
            </a:extLst>
          </p:cNvPr>
          <p:cNvSpPr txBox="1"/>
          <p:nvPr/>
        </p:nvSpPr>
        <p:spPr>
          <a:xfrm>
            <a:off x="5671169" y="3514716"/>
            <a:ext cx="447558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600" dirty="0"/>
              <a:t>=</a:t>
            </a:r>
          </a:p>
        </p:txBody>
      </p:sp>
      <p:sp>
        <p:nvSpPr>
          <p:cNvPr id="37" name="TextBox 36">
            <a:extLst>
              <a:ext uri="{FF2B5EF4-FFF2-40B4-BE49-F238E27FC236}">
                <a16:creationId xmlns:a16="http://schemas.microsoft.com/office/drawing/2014/main" id="{8D37F7ED-5E42-44D7-AB46-48C77B3EC53E}"/>
              </a:ext>
            </a:extLst>
          </p:cNvPr>
          <p:cNvSpPr txBox="1"/>
          <p:nvPr/>
        </p:nvSpPr>
        <p:spPr>
          <a:xfrm>
            <a:off x="9494545" y="3576268"/>
            <a:ext cx="42351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800" dirty="0"/>
              <a:t>X</a:t>
            </a:r>
          </a:p>
        </p:txBody>
      </p:sp>
      <p:sp>
        <p:nvSpPr>
          <p:cNvPr id="38" name="TextBox 37">
            <a:extLst>
              <a:ext uri="{FF2B5EF4-FFF2-40B4-BE49-F238E27FC236}">
                <a16:creationId xmlns:a16="http://schemas.microsoft.com/office/drawing/2014/main" id="{C6BF4E92-CD75-442C-AB08-049A834AB20E}"/>
              </a:ext>
            </a:extLst>
          </p:cNvPr>
          <p:cNvSpPr txBox="1"/>
          <p:nvPr/>
        </p:nvSpPr>
        <p:spPr>
          <a:xfrm>
            <a:off x="9961301" y="3526869"/>
            <a:ext cx="907621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200" dirty="0"/>
              <a:t>100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2C312160-E349-F7D1-6A10-399CFB08D36E}"/>
              </a:ext>
            </a:extLst>
          </p:cNvPr>
          <p:cNvSpPr txBox="1"/>
          <p:nvPr/>
        </p:nvSpPr>
        <p:spPr>
          <a:xfrm>
            <a:off x="7161574" y="4955953"/>
            <a:ext cx="130612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(yearly)</a:t>
            </a:r>
          </a:p>
        </p:txBody>
      </p:sp>
      <p:pic>
        <p:nvPicPr>
          <p:cNvPr id="14" name="Graphic 13" descr="Arrow: Counter-clockwise curve with solid fill">
            <a:extLst>
              <a:ext uri="{FF2B5EF4-FFF2-40B4-BE49-F238E27FC236}">
                <a16:creationId xmlns:a16="http://schemas.microsoft.com/office/drawing/2014/main" id="{A6EA7DB6-E334-8DF7-9E94-46D21B5981F8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 rot="15594775">
            <a:off x="8857508" y="2302901"/>
            <a:ext cx="866347" cy="866347"/>
          </a:xfrm>
          <a:prstGeom prst="rect">
            <a:avLst/>
          </a:prstGeom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62DEC7AB-B9D9-76FC-27D8-20EEA0A57D04}"/>
              </a:ext>
            </a:extLst>
          </p:cNvPr>
          <p:cNvSpPr txBox="1"/>
          <p:nvPr/>
        </p:nvSpPr>
        <p:spPr>
          <a:xfrm>
            <a:off x="9326888" y="2061660"/>
            <a:ext cx="2242922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Annualization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4C9725C9-C9CA-86FF-8978-37BBA4C22EE6}"/>
              </a:ext>
            </a:extLst>
          </p:cNvPr>
          <p:cNvSpPr txBox="1"/>
          <p:nvPr/>
        </p:nvSpPr>
        <p:spPr>
          <a:xfrm>
            <a:off x="8601032" y="2990259"/>
            <a:ext cx="788999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X 12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895E1507-807F-EE31-21E4-78BC7BCDE771}"/>
              </a:ext>
            </a:extLst>
          </p:cNvPr>
          <p:cNvSpPr txBox="1"/>
          <p:nvPr/>
        </p:nvSpPr>
        <p:spPr>
          <a:xfrm>
            <a:off x="6594621" y="2151857"/>
            <a:ext cx="1609993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>
                <a:solidFill>
                  <a:schemeClr val="accent2"/>
                </a:solidFill>
              </a:rPr>
              <a:t>(Monthly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05958476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845" advClick="0" advTm="20040">
        <p159:morph option="byObject"/>
      </p:transition>
    </mc:Choice>
    <mc:Fallback xmlns="">
      <p:transition spd="slow" advClick="0" advTm="20040">
        <p:fade/>
      </p:transition>
    </mc:Fallback>
  </mc:AlternateContent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B5D47639-17DF-4086-8914-3B834707845F}"/>
              </a:ext>
            </a:extLst>
          </p:cNvPr>
          <p:cNvSpPr/>
          <p:nvPr/>
        </p:nvSpPr>
        <p:spPr>
          <a:xfrm>
            <a:off x="6953484" y="4213795"/>
            <a:ext cx="2902226" cy="646331"/>
          </a:xfrm>
          <a:prstGeom prst="round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rIns="0" rtlCol="0" anchor="ctr"/>
          <a:lstStyle/>
          <a:p>
            <a:pPr algn="ctr">
              <a:buClr>
                <a:srgbClr val="008CCF"/>
              </a:buClr>
            </a:pPr>
            <a:r>
              <a:rPr lang="en-US" dirty="0"/>
              <a:t>RMNCAH– ANC 8</a:t>
            </a:r>
            <a:r>
              <a:rPr lang="en-US" baseline="30000" dirty="0"/>
              <a:t>TH</a:t>
            </a:r>
            <a:r>
              <a:rPr lang="en-US" dirty="0"/>
              <a:t> visit</a:t>
            </a:r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9E538C24-AC36-4AF7-BE48-A89C5A955707}"/>
              </a:ext>
            </a:extLst>
          </p:cNvPr>
          <p:cNvSpPr/>
          <p:nvPr/>
        </p:nvSpPr>
        <p:spPr>
          <a:xfrm>
            <a:off x="5097310" y="3002203"/>
            <a:ext cx="6293417" cy="646331"/>
          </a:xfrm>
          <a:prstGeom prst="round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rIns="0" rtlCol="0" anchor="ctr"/>
          <a:lstStyle/>
          <a:p>
            <a:pPr algn="ctr">
              <a:buClr>
                <a:srgbClr val="008CCF"/>
              </a:buClr>
            </a:pPr>
            <a:r>
              <a:rPr lang="en-US" dirty="0">
                <a:solidFill>
                  <a:schemeClr val="bg1"/>
                </a:solidFill>
              </a:rPr>
              <a:t>ANC 1</a:t>
            </a:r>
            <a:r>
              <a:rPr lang="en-US" baseline="30000" dirty="0">
                <a:solidFill>
                  <a:schemeClr val="bg1"/>
                </a:solidFill>
              </a:rPr>
              <a:t>st</a:t>
            </a:r>
            <a:r>
              <a:rPr lang="en-US" dirty="0">
                <a:solidFill>
                  <a:schemeClr val="bg1"/>
                </a:solidFill>
              </a:rPr>
              <a:t> visit – ANC 8</a:t>
            </a:r>
            <a:r>
              <a:rPr lang="en-US" baseline="30000" dirty="0">
                <a:solidFill>
                  <a:schemeClr val="bg1"/>
                </a:solidFill>
              </a:rPr>
              <a:t>th</a:t>
            </a:r>
            <a:r>
              <a:rPr lang="en-US" dirty="0">
                <a:solidFill>
                  <a:schemeClr val="bg1"/>
                </a:solidFill>
              </a:rPr>
              <a:t> visit</a:t>
            </a:r>
          </a:p>
        </p:txBody>
      </p: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588DB929-60AA-496C-BCED-AC9F54B26EB1}"/>
              </a:ext>
            </a:extLst>
          </p:cNvPr>
          <p:cNvSpPr/>
          <p:nvPr/>
        </p:nvSpPr>
        <p:spPr>
          <a:xfrm>
            <a:off x="1093307" y="3662842"/>
            <a:ext cx="3361075" cy="800100"/>
          </a:xfrm>
          <a:prstGeom prst="roundRect">
            <a:avLst/>
          </a:prstGeom>
          <a:solidFill>
            <a:schemeClr val="tx2"/>
          </a:solidFill>
          <a:ln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>
                <a:solidFill>
                  <a:schemeClr val="bg1"/>
                </a:solidFill>
              </a:rPr>
              <a:t>ANC 1-8  dropout rate</a:t>
            </a:r>
            <a:endParaRPr lang="en-US" dirty="0">
              <a:solidFill>
                <a:schemeClr val="tx2"/>
              </a:solidFill>
            </a:endParaRPr>
          </a:p>
        </p:txBody>
      </p:sp>
      <p:sp>
        <p:nvSpPr>
          <p:cNvPr id="16" name="Rectangle 1">
            <a:extLst>
              <a:ext uri="{FF2B5EF4-FFF2-40B4-BE49-F238E27FC236}">
                <a16:creationId xmlns:a16="http://schemas.microsoft.com/office/drawing/2014/main" id="{40BC43F9-87B7-4EE1-ADAA-D5924ED70C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43744" y="-747652"/>
            <a:ext cx="532518" cy="24622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US" altLang="en-US" sz="1000" dirty="0">
                <a:solidFill>
                  <a:srgbClr val="42484E"/>
                </a:solidFill>
                <a:latin typeface="Roboto" panose="02000000000000000000" pitchFamily="2" charset="0"/>
                <a:ea typeface="Times New Roman" panose="02020603050405020304" pitchFamily="18" charset="0"/>
                <a:cs typeface="Times New Roman" panose="02020603050405020304" pitchFamily="18" charset="0"/>
              </a:rPr>
              <a:t>DONE</a:t>
            </a:r>
            <a:r>
              <a:rPr lang="en-US" altLang="en-US" sz="400" dirty="0"/>
              <a:t> </a:t>
            </a:r>
            <a:endParaRPr lang="en-US" altLang="en-US" dirty="0">
              <a:latin typeface="Arial" panose="020B0604020202020204" pitchFamily="34" charset="0"/>
            </a:endParaRPr>
          </a:p>
        </p:txBody>
      </p: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D09C0D8B-4E9D-4AC9-B544-741F80C93DEE}"/>
              </a:ext>
            </a:extLst>
          </p:cNvPr>
          <p:cNvCxnSpPr>
            <a:cxnSpLocks/>
            <a:endCxn id="37" idx="1"/>
          </p:cNvCxnSpPr>
          <p:nvPr/>
        </p:nvCxnSpPr>
        <p:spPr>
          <a:xfrm>
            <a:off x="5376352" y="3952182"/>
            <a:ext cx="5939260" cy="1"/>
          </a:xfrm>
          <a:prstGeom prst="line">
            <a:avLst/>
          </a:prstGeom>
          <a:ln w="47625" cap="rnd">
            <a:solidFill>
              <a:schemeClr val="tx1"/>
            </a:solidFill>
            <a:prstDash val="solid"/>
            <a:headEnd type="none" w="lg" len="lg"/>
            <a:tailEnd type="non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9" name="TextBox 18">
            <a:extLst>
              <a:ext uri="{FF2B5EF4-FFF2-40B4-BE49-F238E27FC236}">
                <a16:creationId xmlns:a16="http://schemas.microsoft.com/office/drawing/2014/main" id="{B154B90B-FD0B-4513-8A1C-6126A4B0F1DD}"/>
              </a:ext>
            </a:extLst>
          </p:cNvPr>
          <p:cNvSpPr txBox="1"/>
          <p:nvPr/>
        </p:nvSpPr>
        <p:spPr>
          <a:xfrm>
            <a:off x="4707238" y="3629019"/>
            <a:ext cx="44755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600" dirty="0"/>
              <a:t>=</a:t>
            </a:r>
          </a:p>
        </p:txBody>
      </p:sp>
      <p:sp>
        <p:nvSpPr>
          <p:cNvPr id="37" name="TextBox 36">
            <a:extLst>
              <a:ext uri="{FF2B5EF4-FFF2-40B4-BE49-F238E27FC236}">
                <a16:creationId xmlns:a16="http://schemas.microsoft.com/office/drawing/2014/main" id="{8D37F7ED-5E42-44D7-AB46-48C77B3EC53E}"/>
              </a:ext>
            </a:extLst>
          </p:cNvPr>
          <p:cNvSpPr txBox="1"/>
          <p:nvPr/>
        </p:nvSpPr>
        <p:spPr>
          <a:xfrm>
            <a:off x="11315612" y="3690572"/>
            <a:ext cx="41389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800" dirty="0"/>
              <a:t>X</a:t>
            </a:r>
          </a:p>
        </p:txBody>
      </p:sp>
      <p:sp>
        <p:nvSpPr>
          <p:cNvPr id="38" name="TextBox 37">
            <a:extLst>
              <a:ext uri="{FF2B5EF4-FFF2-40B4-BE49-F238E27FC236}">
                <a16:creationId xmlns:a16="http://schemas.microsoft.com/office/drawing/2014/main" id="{C6BF4E92-CD75-442C-AB08-049A834AB20E}"/>
              </a:ext>
            </a:extLst>
          </p:cNvPr>
          <p:cNvSpPr txBox="1"/>
          <p:nvPr/>
        </p:nvSpPr>
        <p:spPr>
          <a:xfrm>
            <a:off x="11654396" y="3647484"/>
            <a:ext cx="114302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3200" dirty="0"/>
              <a:t>100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68119958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845" advClick="0" advTm="20040">
        <p159:morph option="byObject"/>
      </p:transition>
    </mc:Choice>
    <mc:Fallback xmlns="">
      <p:transition spd="slow" advClick="0" advTm="20040">
        <p:fade/>
      </p:transition>
    </mc:Fallback>
  </mc:AlternateContent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ounded Rectangle 2">
            <a:extLst>
              <a:ext uri="{FF2B5EF4-FFF2-40B4-BE49-F238E27FC236}">
                <a16:creationId xmlns:a16="http://schemas.microsoft.com/office/drawing/2014/main" id="{6F04927B-CD36-12EC-02ED-B15E50588B68}"/>
              </a:ext>
            </a:extLst>
          </p:cNvPr>
          <p:cNvSpPr/>
          <p:nvPr/>
        </p:nvSpPr>
        <p:spPr>
          <a:xfrm>
            <a:off x="986611" y="2979742"/>
            <a:ext cx="3257550" cy="1000125"/>
          </a:xfrm>
          <a:prstGeom prst="round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Total number of malaria cases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39B4701-F9F5-6CEC-942A-5A3470A88250}"/>
              </a:ext>
            </a:extLst>
          </p:cNvPr>
          <p:cNvSpPr txBox="1"/>
          <p:nvPr/>
        </p:nvSpPr>
        <p:spPr>
          <a:xfrm>
            <a:off x="4244161" y="3248970"/>
            <a:ext cx="35939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/>
              <a:t>=</a:t>
            </a:r>
          </a:p>
        </p:txBody>
      </p: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EA74B18C-73ED-0C06-ED9A-B8B6677DD54B}"/>
              </a:ext>
            </a:extLst>
          </p:cNvPr>
          <p:cNvCxnSpPr>
            <a:cxnSpLocks/>
          </p:cNvCxnSpPr>
          <p:nvPr/>
        </p:nvCxnSpPr>
        <p:spPr>
          <a:xfrm>
            <a:off x="4801373" y="3479799"/>
            <a:ext cx="6061852" cy="0"/>
          </a:xfrm>
          <a:prstGeom prst="line">
            <a:avLst/>
          </a:prstGeom>
          <a:ln w="38100" cap="rnd">
            <a:solidFill>
              <a:schemeClr val="tx1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TextBox 10">
            <a:extLst>
              <a:ext uri="{FF2B5EF4-FFF2-40B4-BE49-F238E27FC236}">
                <a16:creationId xmlns:a16="http://schemas.microsoft.com/office/drawing/2014/main" id="{C8591C18-C02A-2B75-2DF2-16398016F9B0}"/>
              </a:ext>
            </a:extLst>
          </p:cNvPr>
          <p:cNvSpPr txBox="1"/>
          <p:nvPr/>
        </p:nvSpPr>
        <p:spPr>
          <a:xfrm>
            <a:off x="11012008" y="3287366"/>
            <a:ext cx="38824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/>
              <a:t>X</a:t>
            </a:r>
          </a:p>
        </p:txBody>
      </p:sp>
      <p:sp>
        <p:nvSpPr>
          <p:cNvPr id="12" name="Rounded Rectangle 11">
            <a:extLst>
              <a:ext uri="{FF2B5EF4-FFF2-40B4-BE49-F238E27FC236}">
                <a16:creationId xmlns:a16="http://schemas.microsoft.com/office/drawing/2014/main" id="{2F281760-44A0-8E13-62AC-619DACCFF9BC}"/>
              </a:ext>
            </a:extLst>
          </p:cNvPr>
          <p:cNvSpPr/>
          <p:nvPr/>
        </p:nvSpPr>
        <p:spPr>
          <a:xfrm>
            <a:off x="4548311" y="2631286"/>
            <a:ext cx="2798153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ounded Rectangle 12">
            <a:extLst>
              <a:ext uri="{FF2B5EF4-FFF2-40B4-BE49-F238E27FC236}">
                <a16:creationId xmlns:a16="http://schemas.microsoft.com/office/drawing/2014/main" id="{CDDA267E-3C4F-C048-614C-40332ADC5E25}"/>
              </a:ext>
            </a:extLst>
          </p:cNvPr>
          <p:cNvSpPr/>
          <p:nvPr/>
        </p:nvSpPr>
        <p:spPr>
          <a:xfrm>
            <a:off x="8189525" y="2639993"/>
            <a:ext cx="2798153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5" name="Rounded Rectangle 14">
            <a:extLst>
              <a:ext uri="{FF2B5EF4-FFF2-40B4-BE49-F238E27FC236}">
                <a16:creationId xmlns:a16="http://schemas.microsoft.com/office/drawing/2014/main" id="{86CEC498-D264-5113-B076-F575F5962425}"/>
              </a:ext>
            </a:extLst>
          </p:cNvPr>
          <p:cNvSpPr/>
          <p:nvPr/>
        </p:nvSpPr>
        <p:spPr>
          <a:xfrm>
            <a:off x="11489910" y="3229098"/>
            <a:ext cx="1399077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7" name="Rounded Rectangle 16">
            <a:extLst>
              <a:ext uri="{FF2B5EF4-FFF2-40B4-BE49-F238E27FC236}">
                <a16:creationId xmlns:a16="http://schemas.microsoft.com/office/drawing/2014/main" id="{1966A10F-BCBD-4436-F42F-6958A96E3EAC}"/>
              </a:ext>
            </a:extLst>
          </p:cNvPr>
          <p:cNvSpPr/>
          <p:nvPr/>
        </p:nvSpPr>
        <p:spPr>
          <a:xfrm>
            <a:off x="6400568" y="3655320"/>
            <a:ext cx="2798153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8" name="Rounded Rectangle 17">
            <a:extLst>
              <a:ext uri="{FF2B5EF4-FFF2-40B4-BE49-F238E27FC236}">
                <a16:creationId xmlns:a16="http://schemas.microsoft.com/office/drawing/2014/main" id="{E837BF8C-5E71-F056-982C-91BD7C72189E}"/>
              </a:ext>
            </a:extLst>
          </p:cNvPr>
          <p:cNvSpPr/>
          <p:nvPr/>
        </p:nvSpPr>
        <p:spPr>
          <a:xfrm>
            <a:off x="7456390" y="2635230"/>
            <a:ext cx="627285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</p:spTree>
    <p:extLst>
      <p:ext uri="{BB962C8B-B14F-4D97-AF65-F5344CB8AC3E}">
        <p14:creationId xmlns:p14="http://schemas.microsoft.com/office/powerpoint/2010/main" val="75961588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ounded Rectangle 2">
            <a:extLst>
              <a:ext uri="{FF2B5EF4-FFF2-40B4-BE49-F238E27FC236}">
                <a16:creationId xmlns:a16="http://schemas.microsoft.com/office/drawing/2014/main" id="{6F04927B-CD36-12EC-02ED-B15E50588B68}"/>
              </a:ext>
            </a:extLst>
          </p:cNvPr>
          <p:cNvSpPr/>
          <p:nvPr/>
        </p:nvSpPr>
        <p:spPr>
          <a:xfrm>
            <a:off x="986611" y="2979742"/>
            <a:ext cx="3257550" cy="1000125"/>
          </a:xfrm>
          <a:prstGeom prst="round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Malaria cases treated </a:t>
            </a:r>
            <a:br>
              <a:rPr lang="en-US"/>
            </a:br>
            <a:r>
              <a:rPr lang="en-US"/>
              <a:t>with animalarial (%)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39B4701-F9F5-6CEC-942A-5A3470A88250}"/>
              </a:ext>
            </a:extLst>
          </p:cNvPr>
          <p:cNvSpPr txBox="1"/>
          <p:nvPr/>
        </p:nvSpPr>
        <p:spPr>
          <a:xfrm>
            <a:off x="4244161" y="3248970"/>
            <a:ext cx="35939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/>
              <a:t>=</a:t>
            </a:r>
          </a:p>
        </p:txBody>
      </p: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EA74B18C-73ED-0C06-ED9A-B8B6677DD54B}"/>
              </a:ext>
            </a:extLst>
          </p:cNvPr>
          <p:cNvCxnSpPr>
            <a:cxnSpLocks/>
          </p:cNvCxnSpPr>
          <p:nvPr/>
        </p:nvCxnSpPr>
        <p:spPr>
          <a:xfrm>
            <a:off x="4801373" y="3479799"/>
            <a:ext cx="6061852" cy="0"/>
          </a:xfrm>
          <a:prstGeom prst="line">
            <a:avLst/>
          </a:prstGeom>
          <a:ln w="38100" cap="rnd">
            <a:solidFill>
              <a:schemeClr val="tx1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TextBox 10">
            <a:extLst>
              <a:ext uri="{FF2B5EF4-FFF2-40B4-BE49-F238E27FC236}">
                <a16:creationId xmlns:a16="http://schemas.microsoft.com/office/drawing/2014/main" id="{C8591C18-C02A-2B75-2DF2-16398016F9B0}"/>
              </a:ext>
            </a:extLst>
          </p:cNvPr>
          <p:cNvSpPr txBox="1"/>
          <p:nvPr/>
        </p:nvSpPr>
        <p:spPr>
          <a:xfrm>
            <a:off x="11012008" y="3287366"/>
            <a:ext cx="38824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/>
              <a:t>X</a:t>
            </a:r>
          </a:p>
        </p:txBody>
      </p:sp>
      <p:sp>
        <p:nvSpPr>
          <p:cNvPr id="12" name="Rounded Rectangle 11">
            <a:extLst>
              <a:ext uri="{FF2B5EF4-FFF2-40B4-BE49-F238E27FC236}">
                <a16:creationId xmlns:a16="http://schemas.microsoft.com/office/drawing/2014/main" id="{2F281760-44A0-8E13-62AC-619DACCFF9BC}"/>
              </a:ext>
            </a:extLst>
          </p:cNvPr>
          <p:cNvSpPr/>
          <p:nvPr/>
        </p:nvSpPr>
        <p:spPr>
          <a:xfrm>
            <a:off x="4482995" y="3643660"/>
            <a:ext cx="2798153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ounded Rectangle 12">
            <a:extLst>
              <a:ext uri="{FF2B5EF4-FFF2-40B4-BE49-F238E27FC236}">
                <a16:creationId xmlns:a16="http://schemas.microsoft.com/office/drawing/2014/main" id="{CDDA267E-3C4F-C048-614C-40332ADC5E25}"/>
              </a:ext>
            </a:extLst>
          </p:cNvPr>
          <p:cNvSpPr/>
          <p:nvPr/>
        </p:nvSpPr>
        <p:spPr>
          <a:xfrm>
            <a:off x="8124209" y="3652367"/>
            <a:ext cx="2798153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5" name="Rounded Rectangle 14">
            <a:extLst>
              <a:ext uri="{FF2B5EF4-FFF2-40B4-BE49-F238E27FC236}">
                <a16:creationId xmlns:a16="http://schemas.microsoft.com/office/drawing/2014/main" id="{86CEC498-D264-5113-B076-F575F5962425}"/>
              </a:ext>
            </a:extLst>
          </p:cNvPr>
          <p:cNvSpPr/>
          <p:nvPr/>
        </p:nvSpPr>
        <p:spPr>
          <a:xfrm>
            <a:off x="11489910" y="3229098"/>
            <a:ext cx="1399077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7" name="Rounded Rectangle 16">
            <a:extLst>
              <a:ext uri="{FF2B5EF4-FFF2-40B4-BE49-F238E27FC236}">
                <a16:creationId xmlns:a16="http://schemas.microsoft.com/office/drawing/2014/main" id="{1966A10F-BCBD-4436-F42F-6958A96E3EAC}"/>
              </a:ext>
            </a:extLst>
          </p:cNvPr>
          <p:cNvSpPr/>
          <p:nvPr/>
        </p:nvSpPr>
        <p:spPr>
          <a:xfrm>
            <a:off x="6305639" y="2593975"/>
            <a:ext cx="2798153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8" name="Rounded Rectangle 17">
            <a:extLst>
              <a:ext uri="{FF2B5EF4-FFF2-40B4-BE49-F238E27FC236}">
                <a16:creationId xmlns:a16="http://schemas.microsoft.com/office/drawing/2014/main" id="{E837BF8C-5E71-F056-982C-91BD7C72189E}"/>
              </a:ext>
            </a:extLst>
          </p:cNvPr>
          <p:cNvSpPr/>
          <p:nvPr/>
        </p:nvSpPr>
        <p:spPr>
          <a:xfrm>
            <a:off x="7391074" y="3647604"/>
            <a:ext cx="627285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</p:spTree>
    <p:extLst>
      <p:ext uri="{BB962C8B-B14F-4D97-AF65-F5344CB8AC3E}">
        <p14:creationId xmlns:p14="http://schemas.microsoft.com/office/powerpoint/2010/main" val="2442939856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ounded Rectangle 1">
            <a:extLst>
              <a:ext uri="{FF2B5EF4-FFF2-40B4-BE49-F238E27FC236}">
                <a16:creationId xmlns:a16="http://schemas.microsoft.com/office/drawing/2014/main" id="{B33B75E6-9A82-61E8-2F51-50013FC6B621}"/>
              </a:ext>
            </a:extLst>
          </p:cNvPr>
          <p:cNvSpPr/>
          <p:nvPr/>
        </p:nvSpPr>
        <p:spPr>
          <a:xfrm>
            <a:off x="5158093" y="1464934"/>
            <a:ext cx="3184635" cy="546538"/>
          </a:xfrm>
          <a:prstGeom prst="round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Disaggregation</a:t>
            </a:r>
          </a:p>
        </p:txBody>
      </p:sp>
      <p:sp>
        <p:nvSpPr>
          <p:cNvPr id="3" name="Freeform 15">
            <a:extLst>
              <a:ext uri="{FF2B5EF4-FFF2-40B4-BE49-F238E27FC236}">
                <a16:creationId xmlns:a16="http://schemas.microsoft.com/office/drawing/2014/main" id="{B40FE3A4-A347-E819-977E-F7405A1068A6}"/>
              </a:ext>
            </a:extLst>
          </p:cNvPr>
          <p:cNvSpPr>
            <a:spLocks noEditPoints="1"/>
          </p:cNvSpPr>
          <p:nvPr/>
        </p:nvSpPr>
        <p:spPr bwMode="auto">
          <a:xfrm>
            <a:off x="8062625" y="2406136"/>
            <a:ext cx="647210" cy="931863"/>
          </a:xfrm>
          <a:custGeom>
            <a:avLst/>
            <a:gdLst>
              <a:gd name="T0" fmla="*/ 755 w 4186"/>
              <a:gd name="T1" fmla="*/ 2092 h 6011"/>
              <a:gd name="T2" fmla="*/ 755 w 4186"/>
              <a:gd name="T3" fmla="*/ 2092 h 6011"/>
              <a:gd name="T4" fmla="*/ 2093 w 4186"/>
              <a:gd name="T5" fmla="*/ 754 h 6011"/>
              <a:gd name="T6" fmla="*/ 3431 w 4186"/>
              <a:gd name="T7" fmla="*/ 2092 h 6011"/>
              <a:gd name="T8" fmla="*/ 2093 w 4186"/>
              <a:gd name="T9" fmla="*/ 3430 h 6011"/>
              <a:gd name="T10" fmla="*/ 755 w 4186"/>
              <a:gd name="T11" fmla="*/ 2092 h 6011"/>
              <a:gd name="T12" fmla="*/ 4186 w 4186"/>
              <a:gd name="T13" fmla="*/ 2092 h 6011"/>
              <a:gd name="T14" fmla="*/ 4186 w 4186"/>
              <a:gd name="T15" fmla="*/ 2092 h 6011"/>
              <a:gd name="T16" fmla="*/ 2093 w 4186"/>
              <a:gd name="T17" fmla="*/ 0 h 6011"/>
              <a:gd name="T18" fmla="*/ 0 w 4186"/>
              <a:gd name="T19" fmla="*/ 2092 h 6011"/>
              <a:gd name="T20" fmla="*/ 1724 w 4186"/>
              <a:gd name="T21" fmla="*/ 4153 h 6011"/>
              <a:gd name="T22" fmla="*/ 1724 w 4186"/>
              <a:gd name="T23" fmla="*/ 4561 h 6011"/>
              <a:gd name="T24" fmla="*/ 1011 w 4186"/>
              <a:gd name="T25" fmla="*/ 4561 h 6011"/>
              <a:gd name="T26" fmla="*/ 1011 w 4186"/>
              <a:gd name="T27" fmla="*/ 5298 h 6011"/>
              <a:gd name="T28" fmla="*/ 1724 w 4186"/>
              <a:gd name="T29" fmla="*/ 5298 h 6011"/>
              <a:gd name="T30" fmla="*/ 1724 w 4186"/>
              <a:gd name="T31" fmla="*/ 6011 h 6011"/>
              <a:gd name="T32" fmla="*/ 2461 w 4186"/>
              <a:gd name="T33" fmla="*/ 6011 h 6011"/>
              <a:gd name="T34" fmla="*/ 2461 w 4186"/>
              <a:gd name="T35" fmla="*/ 5298 h 6011"/>
              <a:gd name="T36" fmla="*/ 3174 w 4186"/>
              <a:gd name="T37" fmla="*/ 5298 h 6011"/>
              <a:gd name="T38" fmla="*/ 3174 w 4186"/>
              <a:gd name="T39" fmla="*/ 4561 h 6011"/>
              <a:gd name="T40" fmla="*/ 2461 w 4186"/>
              <a:gd name="T41" fmla="*/ 4561 h 6011"/>
              <a:gd name="T42" fmla="*/ 2461 w 4186"/>
              <a:gd name="T43" fmla="*/ 4153 h 6011"/>
              <a:gd name="T44" fmla="*/ 4186 w 4186"/>
              <a:gd name="T45" fmla="*/ 2092 h 6011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</a:cxnLst>
            <a:rect l="0" t="0" r="r" b="b"/>
            <a:pathLst>
              <a:path w="4186" h="6011">
                <a:moveTo>
                  <a:pt x="755" y="2092"/>
                </a:moveTo>
                <a:lnTo>
                  <a:pt x="755" y="2092"/>
                </a:lnTo>
                <a:cubicBezTo>
                  <a:pt x="755" y="1353"/>
                  <a:pt x="1354" y="754"/>
                  <a:pt x="2093" y="754"/>
                </a:cubicBezTo>
                <a:cubicBezTo>
                  <a:pt x="2832" y="754"/>
                  <a:pt x="3431" y="1353"/>
                  <a:pt x="3431" y="2092"/>
                </a:cubicBezTo>
                <a:cubicBezTo>
                  <a:pt x="3431" y="2831"/>
                  <a:pt x="2832" y="3430"/>
                  <a:pt x="2093" y="3430"/>
                </a:cubicBezTo>
                <a:cubicBezTo>
                  <a:pt x="1354" y="3430"/>
                  <a:pt x="755" y="2831"/>
                  <a:pt x="755" y="2092"/>
                </a:cubicBezTo>
                <a:close/>
                <a:moveTo>
                  <a:pt x="4186" y="2092"/>
                </a:moveTo>
                <a:lnTo>
                  <a:pt x="4186" y="2092"/>
                </a:lnTo>
                <a:cubicBezTo>
                  <a:pt x="4186" y="936"/>
                  <a:pt x="3249" y="0"/>
                  <a:pt x="2093" y="0"/>
                </a:cubicBezTo>
                <a:cubicBezTo>
                  <a:pt x="937" y="0"/>
                  <a:pt x="0" y="936"/>
                  <a:pt x="0" y="2092"/>
                </a:cubicBezTo>
                <a:cubicBezTo>
                  <a:pt x="0" y="3122"/>
                  <a:pt x="744" y="3979"/>
                  <a:pt x="1724" y="4153"/>
                </a:cubicBezTo>
                <a:lnTo>
                  <a:pt x="1724" y="4561"/>
                </a:lnTo>
                <a:lnTo>
                  <a:pt x="1011" y="4561"/>
                </a:lnTo>
                <a:lnTo>
                  <a:pt x="1011" y="5298"/>
                </a:lnTo>
                <a:lnTo>
                  <a:pt x="1724" y="5298"/>
                </a:lnTo>
                <a:lnTo>
                  <a:pt x="1724" y="6011"/>
                </a:lnTo>
                <a:lnTo>
                  <a:pt x="2461" y="6011"/>
                </a:lnTo>
                <a:lnTo>
                  <a:pt x="2461" y="5298"/>
                </a:lnTo>
                <a:lnTo>
                  <a:pt x="3174" y="5298"/>
                </a:lnTo>
                <a:lnTo>
                  <a:pt x="3174" y="4561"/>
                </a:lnTo>
                <a:lnTo>
                  <a:pt x="2461" y="4561"/>
                </a:lnTo>
                <a:lnTo>
                  <a:pt x="2461" y="4153"/>
                </a:lnTo>
                <a:cubicBezTo>
                  <a:pt x="3442" y="3979"/>
                  <a:pt x="4186" y="3122"/>
                  <a:pt x="4186" y="2092"/>
                </a:cubicBezTo>
                <a:close/>
              </a:path>
            </a:pathLst>
          </a:custGeom>
          <a:solidFill>
            <a:srgbClr val="093371"/>
          </a:solidFill>
          <a:ln w="0">
            <a:solidFill>
              <a:schemeClr val="tx2"/>
            </a:solidFill>
            <a:prstDash val="solid"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4" name="Freeform 16">
            <a:extLst>
              <a:ext uri="{FF2B5EF4-FFF2-40B4-BE49-F238E27FC236}">
                <a16:creationId xmlns:a16="http://schemas.microsoft.com/office/drawing/2014/main" id="{77EB2AEB-9C4C-CAE2-7D71-102A243FD96C}"/>
              </a:ext>
            </a:extLst>
          </p:cNvPr>
          <p:cNvSpPr>
            <a:spLocks noEditPoints="1"/>
          </p:cNvSpPr>
          <p:nvPr/>
        </p:nvSpPr>
        <p:spPr bwMode="auto">
          <a:xfrm>
            <a:off x="8709837" y="2488839"/>
            <a:ext cx="831069" cy="832579"/>
          </a:xfrm>
          <a:custGeom>
            <a:avLst/>
            <a:gdLst>
              <a:gd name="T0" fmla="*/ 2093 w 5323"/>
              <a:gd name="T1" fmla="*/ 4567 h 5322"/>
              <a:gd name="T2" fmla="*/ 2093 w 5323"/>
              <a:gd name="T3" fmla="*/ 4567 h 5322"/>
              <a:gd name="T4" fmla="*/ 755 w 5323"/>
              <a:gd name="T5" fmla="*/ 3229 h 5322"/>
              <a:gd name="T6" fmla="*/ 2093 w 5323"/>
              <a:gd name="T7" fmla="*/ 1891 h 5322"/>
              <a:gd name="T8" fmla="*/ 3431 w 5323"/>
              <a:gd name="T9" fmla="*/ 3229 h 5322"/>
              <a:gd name="T10" fmla="*/ 2093 w 5323"/>
              <a:gd name="T11" fmla="*/ 4567 h 5322"/>
              <a:gd name="T12" fmla="*/ 4586 w 5323"/>
              <a:gd name="T13" fmla="*/ 0 h 5322"/>
              <a:gd name="T14" fmla="*/ 4586 w 5323"/>
              <a:gd name="T15" fmla="*/ 0 h 5322"/>
              <a:gd name="T16" fmla="*/ 3160 w 5323"/>
              <a:gd name="T17" fmla="*/ 0 h 5322"/>
              <a:gd name="T18" fmla="*/ 3160 w 5323"/>
              <a:gd name="T19" fmla="*/ 737 h 5322"/>
              <a:gd name="T20" fmla="*/ 4065 w 5323"/>
              <a:gd name="T21" fmla="*/ 737 h 5322"/>
              <a:gd name="T22" fmla="*/ 3290 w 5323"/>
              <a:gd name="T23" fmla="*/ 1512 h 5322"/>
              <a:gd name="T24" fmla="*/ 2093 w 5323"/>
              <a:gd name="T25" fmla="*/ 1135 h 5322"/>
              <a:gd name="T26" fmla="*/ 0 w 5323"/>
              <a:gd name="T27" fmla="*/ 3229 h 5322"/>
              <a:gd name="T28" fmla="*/ 2093 w 5323"/>
              <a:gd name="T29" fmla="*/ 5322 h 5322"/>
              <a:gd name="T30" fmla="*/ 4186 w 5323"/>
              <a:gd name="T31" fmla="*/ 3229 h 5322"/>
              <a:gd name="T32" fmla="*/ 3811 w 5323"/>
              <a:gd name="T33" fmla="*/ 2033 h 5322"/>
              <a:gd name="T34" fmla="*/ 4586 w 5323"/>
              <a:gd name="T35" fmla="*/ 1258 h 5322"/>
              <a:gd name="T36" fmla="*/ 4586 w 5323"/>
              <a:gd name="T37" fmla="*/ 2163 h 5322"/>
              <a:gd name="T38" fmla="*/ 5323 w 5323"/>
              <a:gd name="T39" fmla="*/ 2163 h 5322"/>
              <a:gd name="T40" fmla="*/ 5323 w 5323"/>
              <a:gd name="T41" fmla="*/ 737 h 5322"/>
              <a:gd name="T42" fmla="*/ 5323 w 5323"/>
              <a:gd name="T43" fmla="*/ 0 h 5322"/>
              <a:gd name="T44" fmla="*/ 4586 w 5323"/>
              <a:gd name="T45" fmla="*/ 0 h 532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</a:cxnLst>
            <a:rect l="0" t="0" r="r" b="b"/>
            <a:pathLst>
              <a:path w="5323" h="5322">
                <a:moveTo>
                  <a:pt x="2093" y="4567"/>
                </a:moveTo>
                <a:lnTo>
                  <a:pt x="2093" y="4567"/>
                </a:lnTo>
                <a:cubicBezTo>
                  <a:pt x="1354" y="4567"/>
                  <a:pt x="755" y="3968"/>
                  <a:pt x="755" y="3229"/>
                </a:cubicBezTo>
                <a:cubicBezTo>
                  <a:pt x="755" y="2490"/>
                  <a:pt x="1354" y="1891"/>
                  <a:pt x="2093" y="1891"/>
                </a:cubicBezTo>
                <a:cubicBezTo>
                  <a:pt x="2832" y="1891"/>
                  <a:pt x="3431" y="2490"/>
                  <a:pt x="3431" y="3229"/>
                </a:cubicBezTo>
                <a:cubicBezTo>
                  <a:pt x="3431" y="3968"/>
                  <a:pt x="2832" y="4567"/>
                  <a:pt x="2093" y="4567"/>
                </a:cubicBezTo>
                <a:close/>
                <a:moveTo>
                  <a:pt x="4586" y="0"/>
                </a:moveTo>
                <a:lnTo>
                  <a:pt x="4586" y="0"/>
                </a:lnTo>
                <a:lnTo>
                  <a:pt x="3160" y="0"/>
                </a:lnTo>
                <a:lnTo>
                  <a:pt x="3160" y="737"/>
                </a:lnTo>
                <a:lnTo>
                  <a:pt x="4065" y="737"/>
                </a:lnTo>
                <a:lnTo>
                  <a:pt x="3290" y="1512"/>
                </a:lnTo>
                <a:cubicBezTo>
                  <a:pt x="2951" y="1275"/>
                  <a:pt x="2538" y="1135"/>
                  <a:pt x="2093" y="1135"/>
                </a:cubicBezTo>
                <a:cubicBezTo>
                  <a:pt x="937" y="1135"/>
                  <a:pt x="0" y="2073"/>
                  <a:pt x="0" y="3229"/>
                </a:cubicBezTo>
                <a:cubicBezTo>
                  <a:pt x="0" y="4385"/>
                  <a:pt x="937" y="5322"/>
                  <a:pt x="2093" y="5322"/>
                </a:cubicBezTo>
                <a:cubicBezTo>
                  <a:pt x="3249" y="5322"/>
                  <a:pt x="4186" y="4385"/>
                  <a:pt x="4186" y="3229"/>
                </a:cubicBezTo>
                <a:cubicBezTo>
                  <a:pt x="4186" y="2784"/>
                  <a:pt x="4048" y="2372"/>
                  <a:pt x="3811" y="2033"/>
                </a:cubicBezTo>
                <a:lnTo>
                  <a:pt x="4586" y="1258"/>
                </a:lnTo>
                <a:lnTo>
                  <a:pt x="4586" y="2163"/>
                </a:lnTo>
                <a:lnTo>
                  <a:pt x="5323" y="2163"/>
                </a:lnTo>
                <a:lnTo>
                  <a:pt x="5323" y="737"/>
                </a:lnTo>
                <a:lnTo>
                  <a:pt x="5323" y="0"/>
                </a:lnTo>
                <a:lnTo>
                  <a:pt x="4586" y="0"/>
                </a:lnTo>
                <a:close/>
              </a:path>
            </a:pathLst>
          </a:custGeom>
          <a:solidFill>
            <a:srgbClr val="2196F3"/>
          </a:solidFill>
          <a:ln w="0">
            <a:solidFill>
              <a:schemeClr val="accent1"/>
            </a:solidFill>
            <a:prstDash val="solid"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5A2D9E5B-7068-4421-B486-8476FD139E26}"/>
              </a:ext>
            </a:extLst>
          </p:cNvPr>
          <p:cNvGrpSpPr>
            <a:grpSpLocks noChangeAspect="1"/>
          </p:cNvGrpSpPr>
          <p:nvPr/>
        </p:nvGrpSpPr>
        <p:grpSpPr bwMode="auto">
          <a:xfrm>
            <a:off x="3918464" y="2217740"/>
            <a:ext cx="1533525" cy="1179513"/>
            <a:chOff x="2486" y="2160"/>
            <a:chExt cx="966" cy="743"/>
          </a:xfrm>
        </p:grpSpPr>
        <p:sp>
          <p:nvSpPr>
            <p:cNvPr id="6" name="AutoShape 3">
              <a:extLst>
                <a:ext uri="{FF2B5EF4-FFF2-40B4-BE49-F238E27FC236}">
                  <a16:creationId xmlns:a16="http://schemas.microsoft.com/office/drawing/2014/main" id="{40885C6B-D390-1248-4275-BE50C33F63E0}"/>
                </a:ext>
              </a:extLst>
            </p:cNvPr>
            <p:cNvSpPr>
              <a:spLocks noChangeAspect="1" noChangeArrowheads="1" noTextEdit="1"/>
            </p:cNvSpPr>
            <p:nvPr/>
          </p:nvSpPr>
          <p:spPr bwMode="auto">
            <a:xfrm>
              <a:off x="2486" y="2160"/>
              <a:ext cx="966" cy="743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7" name="Freeform 6">
              <a:extLst>
                <a:ext uri="{FF2B5EF4-FFF2-40B4-BE49-F238E27FC236}">
                  <a16:creationId xmlns:a16="http://schemas.microsoft.com/office/drawing/2014/main" id="{1BBA0ADF-54E5-D2F5-3F7D-46616B0B3A09}"/>
                </a:ext>
              </a:extLst>
            </p:cNvPr>
            <p:cNvSpPr>
              <a:spLocks/>
            </p:cNvSpPr>
            <p:nvPr/>
          </p:nvSpPr>
          <p:spPr bwMode="auto">
            <a:xfrm>
              <a:off x="2497" y="2719"/>
              <a:ext cx="273" cy="178"/>
            </a:xfrm>
            <a:custGeom>
              <a:avLst/>
              <a:gdLst>
                <a:gd name="T0" fmla="*/ 1133 w 1171"/>
                <a:gd name="T1" fmla="*/ 442 h 764"/>
                <a:gd name="T2" fmla="*/ 1133 w 1171"/>
                <a:gd name="T3" fmla="*/ 442 h 764"/>
                <a:gd name="T4" fmla="*/ 1071 w 1171"/>
                <a:gd name="T5" fmla="*/ 305 h 764"/>
                <a:gd name="T6" fmla="*/ 912 w 1171"/>
                <a:gd name="T7" fmla="*/ 269 h 764"/>
                <a:gd name="T8" fmla="*/ 928 w 1171"/>
                <a:gd name="T9" fmla="*/ 35 h 764"/>
                <a:gd name="T10" fmla="*/ 859 w 1171"/>
                <a:gd name="T11" fmla="*/ 0 h 764"/>
                <a:gd name="T12" fmla="*/ 585 w 1171"/>
                <a:gd name="T13" fmla="*/ 0 h 764"/>
                <a:gd name="T14" fmla="*/ 312 w 1171"/>
                <a:gd name="T15" fmla="*/ 0 h 764"/>
                <a:gd name="T16" fmla="*/ 243 w 1171"/>
                <a:gd name="T17" fmla="*/ 35 h 764"/>
                <a:gd name="T18" fmla="*/ 259 w 1171"/>
                <a:gd name="T19" fmla="*/ 269 h 764"/>
                <a:gd name="T20" fmla="*/ 100 w 1171"/>
                <a:gd name="T21" fmla="*/ 305 h 764"/>
                <a:gd name="T22" fmla="*/ 38 w 1171"/>
                <a:gd name="T23" fmla="*/ 442 h 764"/>
                <a:gd name="T24" fmla="*/ 170 w 1171"/>
                <a:gd name="T25" fmla="*/ 605 h 764"/>
                <a:gd name="T26" fmla="*/ 126 w 1171"/>
                <a:gd name="T27" fmla="*/ 702 h 764"/>
                <a:gd name="T28" fmla="*/ 201 w 1171"/>
                <a:gd name="T29" fmla="*/ 759 h 764"/>
                <a:gd name="T30" fmla="*/ 342 w 1171"/>
                <a:gd name="T31" fmla="*/ 614 h 764"/>
                <a:gd name="T32" fmla="*/ 202 w 1171"/>
                <a:gd name="T33" fmla="*/ 457 h 764"/>
                <a:gd name="T34" fmla="*/ 365 w 1171"/>
                <a:gd name="T35" fmla="*/ 389 h 764"/>
                <a:gd name="T36" fmla="*/ 585 w 1171"/>
                <a:gd name="T37" fmla="*/ 477 h 764"/>
                <a:gd name="T38" fmla="*/ 806 w 1171"/>
                <a:gd name="T39" fmla="*/ 389 h 764"/>
                <a:gd name="T40" fmla="*/ 968 w 1171"/>
                <a:gd name="T41" fmla="*/ 457 h 764"/>
                <a:gd name="T42" fmla="*/ 828 w 1171"/>
                <a:gd name="T43" fmla="*/ 614 h 764"/>
                <a:gd name="T44" fmla="*/ 969 w 1171"/>
                <a:gd name="T45" fmla="*/ 759 h 764"/>
                <a:gd name="T46" fmla="*/ 1044 w 1171"/>
                <a:gd name="T47" fmla="*/ 702 h 764"/>
                <a:gd name="T48" fmla="*/ 1000 w 1171"/>
                <a:gd name="T49" fmla="*/ 605 h 764"/>
                <a:gd name="T50" fmla="*/ 1133 w 1171"/>
                <a:gd name="T51" fmla="*/ 442 h 76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</a:cxnLst>
              <a:rect l="0" t="0" r="r" b="b"/>
              <a:pathLst>
                <a:path w="1171" h="764">
                  <a:moveTo>
                    <a:pt x="1133" y="442"/>
                  </a:moveTo>
                  <a:lnTo>
                    <a:pt x="1133" y="442"/>
                  </a:lnTo>
                  <a:cubicBezTo>
                    <a:pt x="1171" y="349"/>
                    <a:pt x="1102" y="314"/>
                    <a:pt x="1071" y="305"/>
                  </a:cubicBezTo>
                  <a:cubicBezTo>
                    <a:pt x="1040" y="296"/>
                    <a:pt x="947" y="269"/>
                    <a:pt x="912" y="269"/>
                  </a:cubicBezTo>
                  <a:cubicBezTo>
                    <a:pt x="912" y="269"/>
                    <a:pt x="950" y="97"/>
                    <a:pt x="928" y="35"/>
                  </a:cubicBezTo>
                  <a:cubicBezTo>
                    <a:pt x="928" y="35"/>
                    <a:pt x="921" y="0"/>
                    <a:pt x="859" y="0"/>
                  </a:cubicBezTo>
                  <a:lnTo>
                    <a:pt x="585" y="0"/>
                  </a:lnTo>
                  <a:lnTo>
                    <a:pt x="312" y="0"/>
                  </a:lnTo>
                  <a:cubicBezTo>
                    <a:pt x="250" y="0"/>
                    <a:pt x="243" y="35"/>
                    <a:pt x="243" y="35"/>
                  </a:cubicBezTo>
                  <a:cubicBezTo>
                    <a:pt x="221" y="97"/>
                    <a:pt x="259" y="269"/>
                    <a:pt x="259" y="269"/>
                  </a:cubicBezTo>
                  <a:cubicBezTo>
                    <a:pt x="223" y="269"/>
                    <a:pt x="131" y="296"/>
                    <a:pt x="100" y="305"/>
                  </a:cubicBezTo>
                  <a:cubicBezTo>
                    <a:pt x="69" y="314"/>
                    <a:pt x="0" y="349"/>
                    <a:pt x="38" y="442"/>
                  </a:cubicBezTo>
                  <a:cubicBezTo>
                    <a:pt x="48" y="466"/>
                    <a:pt x="153" y="578"/>
                    <a:pt x="170" y="605"/>
                  </a:cubicBezTo>
                  <a:cubicBezTo>
                    <a:pt x="188" y="631"/>
                    <a:pt x="157" y="662"/>
                    <a:pt x="126" y="702"/>
                  </a:cubicBezTo>
                  <a:cubicBezTo>
                    <a:pt x="95" y="742"/>
                    <a:pt x="148" y="764"/>
                    <a:pt x="201" y="759"/>
                  </a:cubicBezTo>
                  <a:cubicBezTo>
                    <a:pt x="254" y="755"/>
                    <a:pt x="342" y="662"/>
                    <a:pt x="342" y="614"/>
                  </a:cubicBezTo>
                  <a:cubicBezTo>
                    <a:pt x="342" y="565"/>
                    <a:pt x="202" y="457"/>
                    <a:pt x="202" y="457"/>
                  </a:cubicBezTo>
                  <a:cubicBezTo>
                    <a:pt x="318" y="458"/>
                    <a:pt x="365" y="389"/>
                    <a:pt x="365" y="389"/>
                  </a:cubicBezTo>
                  <a:cubicBezTo>
                    <a:pt x="484" y="499"/>
                    <a:pt x="585" y="477"/>
                    <a:pt x="585" y="477"/>
                  </a:cubicBezTo>
                  <a:cubicBezTo>
                    <a:pt x="585" y="477"/>
                    <a:pt x="687" y="499"/>
                    <a:pt x="806" y="389"/>
                  </a:cubicBezTo>
                  <a:cubicBezTo>
                    <a:pt x="806" y="389"/>
                    <a:pt x="853" y="458"/>
                    <a:pt x="968" y="457"/>
                  </a:cubicBezTo>
                  <a:cubicBezTo>
                    <a:pt x="968" y="457"/>
                    <a:pt x="828" y="565"/>
                    <a:pt x="828" y="614"/>
                  </a:cubicBezTo>
                  <a:cubicBezTo>
                    <a:pt x="828" y="662"/>
                    <a:pt x="916" y="755"/>
                    <a:pt x="969" y="759"/>
                  </a:cubicBezTo>
                  <a:cubicBezTo>
                    <a:pt x="1022" y="764"/>
                    <a:pt x="1075" y="742"/>
                    <a:pt x="1044" y="702"/>
                  </a:cubicBezTo>
                  <a:cubicBezTo>
                    <a:pt x="1013" y="662"/>
                    <a:pt x="982" y="631"/>
                    <a:pt x="1000" y="605"/>
                  </a:cubicBezTo>
                  <a:cubicBezTo>
                    <a:pt x="1018" y="578"/>
                    <a:pt x="1122" y="466"/>
                    <a:pt x="1133" y="442"/>
                  </a:cubicBezTo>
                  <a:close/>
                </a:path>
              </a:pathLst>
            </a:custGeom>
            <a:solidFill>
              <a:srgbClr val="093371"/>
            </a:solidFill>
            <a:ln w="0">
              <a:solidFill>
                <a:schemeClr val="tx2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8" name="Freeform 7">
              <a:extLst>
                <a:ext uri="{FF2B5EF4-FFF2-40B4-BE49-F238E27FC236}">
                  <a16:creationId xmlns:a16="http://schemas.microsoft.com/office/drawing/2014/main" id="{52E47A51-9443-51B3-64A1-EA9BD300C239}"/>
                </a:ext>
              </a:extLst>
            </p:cNvPr>
            <p:cNvSpPr>
              <a:spLocks/>
            </p:cNvSpPr>
            <p:nvPr/>
          </p:nvSpPr>
          <p:spPr bwMode="auto">
            <a:xfrm>
              <a:off x="2484" y="2606"/>
              <a:ext cx="298" cy="124"/>
            </a:xfrm>
            <a:custGeom>
              <a:avLst/>
              <a:gdLst>
                <a:gd name="T0" fmla="*/ 1270 w 1279"/>
                <a:gd name="T1" fmla="*/ 433 h 530"/>
                <a:gd name="T2" fmla="*/ 1270 w 1279"/>
                <a:gd name="T3" fmla="*/ 433 h 530"/>
                <a:gd name="T4" fmla="*/ 1006 w 1279"/>
                <a:gd name="T5" fmla="*/ 102 h 530"/>
                <a:gd name="T6" fmla="*/ 767 w 1279"/>
                <a:gd name="T7" fmla="*/ 0 h 530"/>
                <a:gd name="T8" fmla="*/ 639 w 1279"/>
                <a:gd name="T9" fmla="*/ 0 h 530"/>
                <a:gd name="T10" fmla="*/ 511 w 1279"/>
                <a:gd name="T11" fmla="*/ 0 h 530"/>
                <a:gd name="T12" fmla="*/ 273 w 1279"/>
                <a:gd name="T13" fmla="*/ 102 h 530"/>
                <a:gd name="T14" fmla="*/ 8 w 1279"/>
                <a:gd name="T15" fmla="*/ 433 h 530"/>
                <a:gd name="T16" fmla="*/ 52 w 1279"/>
                <a:gd name="T17" fmla="*/ 517 h 530"/>
                <a:gd name="T18" fmla="*/ 136 w 1279"/>
                <a:gd name="T19" fmla="*/ 482 h 530"/>
                <a:gd name="T20" fmla="*/ 392 w 1279"/>
                <a:gd name="T21" fmla="*/ 221 h 530"/>
                <a:gd name="T22" fmla="*/ 366 w 1279"/>
                <a:gd name="T23" fmla="*/ 407 h 530"/>
                <a:gd name="T24" fmla="*/ 639 w 1279"/>
                <a:gd name="T25" fmla="*/ 407 h 530"/>
                <a:gd name="T26" fmla="*/ 913 w 1279"/>
                <a:gd name="T27" fmla="*/ 407 h 530"/>
                <a:gd name="T28" fmla="*/ 886 w 1279"/>
                <a:gd name="T29" fmla="*/ 221 h 530"/>
                <a:gd name="T30" fmla="*/ 1142 w 1279"/>
                <a:gd name="T31" fmla="*/ 482 h 530"/>
                <a:gd name="T32" fmla="*/ 1226 w 1279"/>
                <a:gd name="T33" fmla="*/ 517 h 530"/>
                <a:gd name="T34" fmla="*/ 1270 w 1279"/>
                <a:gd name="T35" fmla="*/ 433 h 53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</a:cxnLst>
              <a:rect l="0" t="0" r="r" b="b"/>
              <a:pathLst>
                <a:path w="1279" h="530">
                  <a:moveTo>
                    <a:pt x="1270" y="433"/>
                  </a:moveTo>
                  <a:lnTo>
                    <a:pt x="1270" y="433"/>
                  </a:lnTo>
                  <a:cubicBezTo>
                    <a:pt x="1270" y="433"/>
                    <a:pt x="1271" y="292"/>
                    <a:pt x="1006" y="102"/>
                  </a:cubicBezTo>
                  <a:cubicBezTo>
                    <a:pt x="1006" y="102"/>
                    <a:pt x="895" y="0"/>
                    <a:pt x="767" y="0"/>
                  </a:cubicBezTo>
                  <a:lnTo>
                    <a:pt x="639" y="0"/>
                  </a:lnTo>
                  <a:lnTo>
                    <a:pt x="511" y="0"/>
                  </a:lnTo>
                  <a:cubicBezTo>
                    <a:pt x="383" y="0"/>
                    <a:pt x="273" y="102"/>
                    <a:pt x="273" y="102"/>
                  </a:cubicBezTo>
                  <a:cubicBezTo>
                    <a:pt x="8" y="292"/>
                    <a:pt x="8" y="433"/>
                    <a:pt x="8" y="433"/>
                  </a:cubicBezTo>
                  <a:cubicBezTo>
                    <a:pt x="8" y="433"/>
                    <a:pt x="0" y="504"/>
                    <a:pt x="52" y="517"/>
                  </a:cubicBezTo>
                  <a:cubicBezTo>
                    <a:pt x="105" y="530"/>
                    <a:pt x="136" y="482"/>
                    <a:pt x="136" y="482"/>
                  </a:cubicBezTo>
                  <a:cubicBezTo>
                    <a:pt x="229" y="296"/>
                    <a:pt x="392" y="221"/>
                    <a:pt x="392" y="221"/>
                  </a:cubicBezTo>
                  <a:cubicBezTo>
                    <a:pt x="357" y="265"/>
                    <a:pt x="366" y="407"/>
                    <a:pt x="366" y="407"/>
                  </a:cubicBezTo>
                  <a:lnTo>
                    <a:pt x="639" y="407"/>
                  </a:lnTo>
                  <a:lnTo>
                    <a:pt x="913" y="407"/>
                  </a:lnTo>
                  <a:cubicBezTo>
                    <a:pt x="913" y="407"/>
                    <a:pt x="922" y="265"/>
                    <a:pt x="886" y="221"/>
                  </a:cubicBezTo>
                  <a:cubicBezTo>
                    <a:pt x="886" y="221"/>
                    <a:pt x="1050" y="296"/>
                    <a:pt x="1142" y="482"/>
                  </a:cubicBezTo>
                  <a:cubicBezTo>
                    <a:pt x="1142" y="482"/>
                    <a:pt x="1173" y="530"/>
                    <a:pt x="1226" y="517"/>
                  </a:cubicBezTo>
                  <a:cubicBezTo>
                    <a:pt x="1279" y="504"/>
                    <a:pt x="1270" y="433"/>
                    <a:pt x="1270" y="433"/>
                  </a:cubicBezTo>
                  <a:close/>
                </a:path>
              </a:pathLst>
            </a:custGeom>
            <a:solidFill>
              <a:srgbClr val="093371"/>
            </a:solidFill>
            <a:ln w="0">
              <a:solidFill>
                <a:schemeClr val="tx2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9" name="Freeform 8">
              <a:extLst>
                <a:ext uri="{FF2B5EF4-FFF2-40B4-BE49-F238E27FC236}">
                  <a16:creationId xmlns:a16="http://schemas.microsoft.com/office/drawing/2014/main" id="{B8231A7D-1563-7030-CA6A-5EF90A1744C0}"/>
                </a:ext>
              </a:extLst>
            </p:cNvPr>
            <p:cNvSpPr>
              <a:spLocks/>
            </p:cNvSpPr>
            <p:nvPr/>
          </p:nvSpPr>
          <p:spPr bwMode="auto">
            <a:xfrm>
              <a:off x="2568" y="2464"/>
              <a:ext cx="130" cy="129"/>
            </a:xfrm>
            <a:custGeom>
              <a:avLst/>
              <a:gdLst>
                <a:gd name="T0" fmla="*/ 556 w 556"/>
                <a:gd name="T1" fmla="*/ 278 h 556"/>
                <a:gd name="T2" fmla="*/ 556 w 556"/>
                <a:gd name="T3" fmla="*/ 278 h 556"/>
                <a:gd name="T4" fmla="*/ 278 w 556"/>
                <a:gd name="T5" fmla="*/ 556 h 556"/>
                <a:gd name="T6" fmla="*/ 0 w 556"/>
                <a:gd name="T7" fmla="*/ 278 h 556"/>
                <a:gd name="T8" fmla="*/ 278 w 556"/>
                <a:gd name="T9" fmla="*/ 0 h 556"/>
                <a:gd name="T10" fmla="*/ 556 w 556"/>
                <a:gd name="T11" fmla="*/ 278 h 55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</a:cxnLst>
              <a:rect l="0" t="0" r="r" b="b"/>
              <a:pathLst>
                <a:path w="556" h="556">
                  <a:moveTo>
                    <a:pt x="556" y="278"/>
                  </a:moveTo>
                  <a:lnTo>
                    <a:pt x="556" y="278"/>
                  </a:lnTo>
                  <a:cubicBezTo>
                    <a:pt x="556" y="431"/>
                    <a:pt x="432" y="556"/>
                    <a:pt x="278" y="556"/>
                  </a:cubicBezTo>
                  <a:cubicBezTo>
                    <a:pt x="125" y="556"/>
                    <a:pt x="0" y="431"/>
                    <a:pt x="0" y="278"/>
                  </a:cubicBezTo>
                  <a:cubicBezTo>
                    <a:pt x="0" y="124"/>
                    <a:pt x="125" y="0"/>
                    <a:pt x="278" y="0"/>
                  </a:cubicBezTo>
                  <a:cubicBezTo>
                    <a:pt x="432" y="0"/>
                    <a:pt x="556" y="124"/>
                    <a:pt x="556" y="278"/>
                  </a:cubicBezTo>
                  <a:close/>
                </a:path>
              </a:pathLst>
            </a:custGeom>
            <a:solidFill>
              <a:srgbClr val="093371"/>
            </a:solidFill>
            <a:ln w="0">
              <a:solidFill>
                <a:schemeClr val="tx2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0" name="Freeform 9">
              <a:extLst>
                <a:ext uri="{FF2B5EF4-FFF2-40B4-BE49-F238E27FC236}">
                  <a16:creationId xmlns:a16="http://schemas.microsoft.com/office/drawing/2014/main" id="{4DFC76FC-F462-3D62-F3AF-B1BF24219CDD}"/>
                </a:ext>
              </a:extLst>
            </p:cNvPr>
            <p:cNvSpPr>
              <a:spLocks/>
            </p:cNvSpPr>
            <p:nvPr/>
          </p:nvSpPr>
          <p:spPr bwMode="auto">
            <a:xfrm>
              <a:off x="2910" y="2332"/>
              <a:ext cx="135" cy="136"/>
            </a:xfrm>
            <a:custGeom>
              <a:avLst/>
              <a:gdLst>
                <a:gd name="T0" fmla="*/ 291 w 582"/>
                <a:gd name="T1" fmla="*/ 582 h 582"/>
                <a:gd name="T2" fmla="*/ 291 w 582"/>
                <a:gd name="T3" fmla="*/ 582 h 582"/>
                <a:gd name="T4" fmla="*/ 582 w 582"/>
                <a:gd name="T5" fmla="*/ 291 h 582"/>
                <a:gd name="T6" fmla="*/ 291 w 582"/>
                <a:gd name="T7" fmla="*/ 0 h 582"/>
                <a:gd name="T8" fmla="*/ 0 w 582"/>
                <a:gd name="T9" fmla="*/ 291 h 582"/>
                <a:gd name="T10" fmla="*/ 291 w 582"/>
                <a:gd name="T11" fmla="*/ 582 h 58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</a:cxnLst>
              <a:rect l="0" t="0" r="r" b="b"/>
              <a:pathLst>
                <a:path w="582" h="582">
                  <a:moveTo>
                    <a:pt x="291" y="582"/>
                  </a:moveTo>
                  <a:lnTo>
                    <a:pt x="291" y="582"/>
                  </a:lnTo>
                  <a:cubicBezTo>
                    <a:pt x="452" y="582"/>
                    <a:pt x="582" y="452"/>
                    <a:pt x="582" y="291"/>
                  </a:cubicBezTo>
                  <a:cubicBezTo>
                    <a:pt x="582" y="130"/>
                    <a:pt x="452" y="0"/>
                    <a:pt x="291" y="0"/>
                  </a:cubicBezTo>
                  <a:cubicBezTo>
                    <a:pt x="130" y="0"/>
                    <a:pt x="0" y="130"/>
                    <a:pt x="0" y="291"/>
                  </a:cubicBezTo>
                  <a:cubicBezTo>
                    <a:pt x="0" y="452"/>
                    <a:pt x="130" y="582"/>
                    <a:pt x="291" y="582"/>
                  </a:cubicBezTo>
                  <a:close/>
                </a:path>
              </a:pathLst>
            </a:custGeom>
            <a:solidFill>
              <a:srgbClr val="093371"/>
            </a:solidFill>
            <a:ln w="0">
              <a:solidFill>
                <a:schemeClr val="tx2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1" name="Freeform 10">
              <a:extLst>
                <a:ext uri="{FF2B5EF4-FFF2-40B4-BE49-F238E27FC236}">
                  <a16:creationId xmlns:a16="http://schemas.microsoft.com/office/drawing/2014/main" id="{83FFC665-BED7-8BAE-1512-354A51D457B6}"/>
                </a:ext>
              </a:extLst>
            </p:cNvPr>
            <p:cNvSpPr>
              <a:spLocks/>
            </p:cNvSpPr>
            <p:nvPr/>
          </p:nvSpPr>
          <p:spPr bwMode="auto">
            <a:xfrm>
              <a:off x="2811" y="2482"/>
              <a:ext cx="332" cy="423"/>
            </a:xfrm>
            <a:custGeom>
              <a:avLst/>
              <a:gdLst>
                <a:gd name="T0" fmla="*/ 905 w 1426"/>
                <a:gd name="T1" fmla="*/ 2 h 1814"/>
                <a:gd name="T2" fmla="*/ 905 w 1426"/>
                <a:gd name="T3" fmla="*/ 2 h 1814"/>
                <a:gd name="T4" fmla="*/ 884 w 1426"/>
                <a:gd name="T5" fmla="*/ 1 h 1814"/>
                <a:gd name="T6" fmla="*/ 880 w 1426"/>
                <a:gd name="T7" fmla="*/ 0 h 1814"/>
                <a:gd name="T8" fmla="*/ 713 w 1426"/>
                <a:gd name="T9" fmla="*/ 0 h 1814"/>
                <a:gd name="T10" fmla="*/ 546 w 1426"/>
                <a:gd name="T11" fmla="*/ 0 h 1814"/>
                <a:gd name="T12" fmla="*/ 542 w 1426"/>
                <a:gd name="T13" fmla="*/ 1 h 1814"/>
                <a:gd name="T14" fmla="*/ 521 w 1426"/>
                <a:gd name="T15" fmla="*/ 2 h 1814"/>
                <a:gd name="T16" fmla="*/ 8 w 1426"/>
                <a:gd name="T17" fmla="*/ 797 h 1814"/>
                <a:gd name="T18" fmla="*/ 97 w 1426"/>
                <a:gd name="T19" fmla="*/ 914 h 1814"/>
                <a:gd name="T20" fmla="*/ 111 w 1426"/>
                <a:gd name="T21" fmla="*/ 915 h 1814"/>
                <a:gd name="T22" fmla="*/ 214 w 1426"/>
                <a:gd name="T23" fmla="*/ 825 h 1814"/>
                <a:gd name="T24" fmla="*/ 378 w 1426"/>
                <a:gd name="T25" fmla="*/ 340 h 1814"/>
                <a:gd name="T26" fmla="*/ 378 w 1426"/>
                <a:gd name="T27" fmla="*/ 1056 h 1814"/>
                <a:gd name="T28" fmla="*/ 378 w 1426"/>
                <a:gd name="T29" fmla="*/ 1681 h 1814"/>
                <a:gd name="T30" fmla="*/ 512 w 1426"/>
                <a:gd name="T31" fmla="*/ 1814 h 1814"/>
                <a:gd name="T32" fmla="*/ 646 w 1426"/>
                <a:gd name="T33" fmla="*/ 1681 h 1814"/>
                <a:gd name="T34" fmla="*/ 646 w 1426"/>
                <a:gd name="T35" fmla="*/ 1056 h 1814"/>
                <a:gd name="T36" fmla="*/ 713 w 1426"/>
                <a:gd name="T37" fmla="*/ 1056 h 1814"/>
                <a:gd name="T38" fmla="*/ 780 w 1426"/>
                <a:gd name="T39" fmla="*/ 1056 h 1814"/>
                <a:gd name="T40" fmla="*/ 780 w 1426"/>
                <a:gd name="T41" fmla="*/ 1681 h 1814"/>
                <a:gd name="T42" fmla="*/ 914 w 1426"/>
                <a:gd name="T43" fmla="*/ 1814 h 1814"/>
                <a:gd name="T44" fmla="*/ 1047 w 1426"/>
                <a:gd name="T45" fmla="*/ 1681 h 1814"/>
                <a:gd name="T46" fmla="*/ 1047 w 1426"/>
                <a:gd name="T47" fmla="*/ 1056 h 1814"/>
                <a:gd name="T48" fmla="*/ 1047 w 1426"/>
                <a:gd name="T49" fmla="*/ 1056 h 1814"/>
                <a:gd name="T50" fmla="*/ 1047 w 1426"/>
                <a:gd name="T51" fmla="*/ 340 h 1814"/>
                <a:gd name="T52" fmla="*/ 1212 w 1426"/>
                <a:gd name="T53" fmla="*/ 825 h 1814"/>
                <a:gd name="T54" fmla="*/ 1315 w 1426"/>
                <a:gd name="T55" fmla="*/ 915 h 1814"/>
                <a:gd name="T56" fmla="*/ 1329 w 1426"/>
                <a:gd name="T57" fmla="*/ 914 h 1814"/>
                <a:gd name="T58" fmla="*/ 1418 w 1426"/>
                <a:gd name="T59" fmla="*/ 797 h 1814"/>
                <a:gd name="T60" fmla="*/ 905 w 1426"/>
                <a:gd name="T61" fmla="*/ 2 h 181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</a:cxnLst>
              <a:rect l="0" t="0" r="r" b="b"/>
              <a:pathLst>
                <a:path w="1426" h="1814">
                  <a:moveTo>
                    <a:pt x="905" y="2"/>
                  </a:moveTo>
                  <a:lnTo>
                    <a:pt x="905" y="2"/>
                  </a:lnTo>
                  <a:cubicBezTo>
                    <a:pt x="898" y="1"/>
                    <a:pt x="891" y="1"/>
                    <a:pt x="884" y="1"/>
                  </a:cubicBezTo>
                  <a:lnTo>
                    <a:pt x="880" y="0"/>
                  </a:lnTo>
                  <a:lnTo>
                    <a:pt x="713" y="0"/>
                  </a:lnTo>
                  <a:lnTo>
                    <a:pt x="546" y="0"/>
                  </a:lnTo>
                  <a:lnTo>
                    <a:pt x="542" y="1"/>
                  </a:lnTo>
                  <a:cubicBezTo>
                    <a:pt x="535" y="1"/>
                    <a:pt x="528" y="1"/>
                    <a:pt x="521" y="2"/>
                  </a:cubicBezTo>
                  <a:cubicBezTo>
                    <a:pt x="119" y="55"/>
                    <a:pt x="18" y="721"/>
                    <a:pt x="8" y="797"/>
                  </a:cubicBezTo>
                  <a:cubicBezTo>
                    <a:pt x="0" y="854"/>
                    <a:pt x="40" y="906"/>
                    <a:pt x="97" y="914"/>
                  </a:cubicBezTo>
                  <a:cubicBezTo>
                    <a:pt x="102" y="915"/>
                    <a:pt x="106" y="915"/>
                    <a:pt x="111" y="915"/>
                  </a:cubicBezTo>
                  <a:cubicBezTo>
                    <a:pt x="162" y="915"/>
                    <a:pt x="207" y="877"/>
                    <a:pt x="214" y="825"/>
                  </a:cubicBezTo>
                  <a:cubicBezTo>
                    <a:pt x="228" y="723"/>
                    <a:pt x="281" y="489"/>
                    <a:pt x="378" y="340"/>
                  </a:cubicBezTo>
                  <a:lnTo>
                    <a:pt x="378" y="1056"/>
                  </a:lnTo>
                  <a:lnTo>
                    <a:pt x="378" y="1681"/>
                  </a:lnTo>
                  <a:cubicBezTo>
                    <a:pt x="378" y="1755"/>
                    <a:pt x="438" y="1814"/>
                    <a:pt x="512" y="1814"/>
                  </a:cubicBezTo>
                  <a:cubicBezTo>
                    <a:pt x="586" y="1814"/>
                    <a:pt x="646" y="1755"/>
                    <a:pt x="646" y="1681"/>
                  </a:cubicBezTo>
                  <a:lnTo>
                    <a:pt x="646" y="1056"/>
                  </a:lnTo>
                  <a:lnTo>
                    <a:pt x="713" y="1056"/>
                  </a:lnTo>
                  <a:lnTo>
                    <a:pt x="780" y="1056"/>
                  </a:lnTo>
                  <a:lnTo>
                    <a:pt x="780" y="1681"/>
                  </a:lnTo>
                  <a:cubicBezTo>
                    <a:pt x="780" y="1755"/>
                    <a:pt x="840" y="1814"/>
                    <a:pt x="914" y="1814"/>
                  </a:cubicBezTo>
                  <a:cubicBezTo>
                    <a:pt x="987" y="1814"/>
                    <a:pt x="1047" y="1755"/>
                    <a:pt x="1047" y="1681"/>
                  </a:cubicBezTo>
                  <a:lnTo>
                    <a:pt x="1047" y="1056"/>
                  </a:lnTo>
                  <a:lnTo>
                    <a:pt x="1047" y="1056"/>
                  </a:lnTo>
                  <a:lnTo>
                    <a:pt x="1047" y="340"/>
                  </a:lnTo>
                  <a:cubicBezTo>
                    <a:pt x="1145" y="489"/>
                    <a:pt x="1198" y="723"/>
                    <a:pt x="1212" y="825"/>
                  </a:cubicBezTo>
                  <a:cubicBezTo>
                    <a:pt x="1219" y="877"/>
                    <a:pt x="1264" y="915"/>
                    <a:pt x="1315" y="915"/>
                  </a:cubicBezTo>
                  <a:cubicBezTo>
                    <a:pt x="1319" y="915"/>
                    <a:pt x="1324" y="915"/>
                    <a:pt x="1329" y="914"/>
                  </a:cubicBezTo>
                  <a:cubicBezTo>
                    <a:pt x="1386" y="907"/>
                    <a:pt x="1426" y="854"/>
                    <a:pt x="1418" y="797"/>
                  </a:cubicBezTo>
                  <a:cubicBezTo>
                    <a:pt x="1408" y="721"/>
                    <a:pt x="1307" y="55"/>
                    <a:pt x="905" y="2"/>
                  </a:cubicBezTo>
                  <a:close/>
                </a:path>
              </a:pathLst>
            </a:custGeom>
            <a:solidFill>
              <a:srgbClr val="093371"/>
            </a:solidFill>
            <a:ln w="0">
              <a:solidFill>
                <a:schemeClr val="tx2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 dirty="0"/>
            </a:p>
          </p:txBody>
        </p:sp>
        <p:sp>
          <p:nvSpPr>
            <p:cNvPr id="12" name="Freeform 11">
              <a:extLst>
                <a:ext uri="{FF2B5EF4-FFF2-40B4-BE49-F238E27FC236}">
                  <a16:creationId xmlns:a16="http://schemas.microsoft.com/office/drawing/2014/main" id="{378961D2-5498-FBD4-0134-8613C52B8148}"/>
                </a:ext>
              </a:extLst>
            </p:cNvPr>
            <p:cNvSpPr>
              <a:spLocks/>
            </p:cNvSpPr>
            <p:nvPr/>
          </p:nvSpPr>
          <p:spPr bwMode="auto">
            <a:xfrm>
              <a:off x="3242" y="2160"/>
              <a:ext cx="143" cy="142"/>
            </a:xfrm>
            <a:custGeom>
              <a:avLst/>
              <a:gdLst>
                <a:gd name="T0" fmla="*/ 307 w 613"/>
                <a:gd name="T1" fmla="*/ 612 h 612"/>
                <a:gd name="T2" fmla="*/ 307 w 613"/>
                <a:gd name="T3" fmla="*/ 612 h 612"/>
                <a:gd name="T4" fmla="*/ 613 w 613"/>
                <a:gd name="T5" fmla="*/ 306 h 612"/>
                <a:gd name="T6" fmla="*/ 307 w 613"/>
                <a:gd name="T7" fmla="*/ 0 h 612"/>
                <a:gd name="T8" fmla="*/ 0 w 613"/>
                <a:gd name="T9" fmla="*/ 306 h 612"/>
                <a:gd name="T10" fmla="*/ 307 w 613"/>
                <a:gd name="T11" fmla="*/ 612 h 61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</a:cxnLst>
              <a:rect l="0" t="0" r="r" b="b"/>
              <a:pathLst>
                <a:path w="613" h="612">
                  <a:moveTo>
                    <a:pt x="307" y="612"/>
                  </a:moveTo>
                  <a:lnTo>
                    <a:pt x="307" y="612"/>
                  </a:lnTo>
                  <a:cubicBezTo>
                    <a:pt x="476" y="612"/>
                    <a:pt x="613" y="475"/>
                    <a:pt x="613" y="306"/>
                  </a:cubicBezTo>
                  <a:cubicBezTo>
                    <a:pt x="613" y="136"/>
                    <a:pt x="476" y="0"/>
                    <a:pt x="307" y="0"/>
                  </a:cubicBezTo>
                  <a:cubicBezTo>
                    <a:pt x="137" y="0"/>
                    <a:pt x="0" y="136"/>
                    <a:pt x="0" y="306"/>
                  </a:cubicBezTo>
                  <a:cubicBezTo>
                    <a:pt x="0" y="475"/>
                    <a:pt x="137" y="612"/>
                    <a:pt x="307" y="612"/>
                  </a:cubicBezTo>
                  <a:close/>
                </a:path>
              </a:pathLst>
            </a:custGeom>
            <a:solidFill>
              <a:srgbClr val="093371"/>
            </a:solidFill>
            <a:ln w="0">
              <a:solidFill>
                <a:schemeClr val="tx2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3" name="Freeform 12">
              <a:extLst>
                <a:ext uri="{FF2B5EF4-FFF2-40B4-BE49-F238E27FC236}">
                  <a16:creationId xmlns:a16="http://schemas.microsoft.com/office/drawing/2014/main" id="{5025ADD1-DD81-CC56-9F65-C3139EC0E1B1}"/>
                </a:ext>
              </a:extLst>
            </p:cNvPr>
            <p:cNvSpPr>
              <a:spLocks/>
            </p:cNvSpPr>
            <p:nvPr/>
          </p:nvSpPr>
          <p:spPr bwMode="auto">
            <a:xfrm>
              <a:off x="3171" y="2317"/>
              <a:ext cx="284" cy="587"/>
            </a:xfrm>
            <a:custGeom>
              <a:avLst/>
              <a:gdLst>
                <a:gd name="T0" fmla="*/ 861 w 1219"/>
                <a:gd name="T1" fmla="*/ 0 h 2515"/>
                <a:gd name="T2" fmla="*/ 861 w 1219"/>
                <a:gd name="T3" fmla="*/ 0 h 2515"/>
                <a:gd name="T4" fmla="*/ 358 w 1219"/>
                <a:gd name="T5" fmla="*/ 0 h 2515"/>
                <a:gd name="T6" fmla="*/ 0 w 1219"/>
                <a:gd name="T7" fmla="*/ 358 h 2515"/>
                <a:gd name="T8" fmla="*/ 0 w 1219"/>
                <a:gd name="T9" fmla="*/ 1170 h 2515"/>
                <a:gd name="T10" fmla="*/ 110 w 1219"/>
                <a:gd name="T11" fmla="*/ 1280 h 2515"/>
                <a:gd name="T12" fmla="*/ 220 w 1219"/>
                <a:gd name="T13" fmla="*/ 1170 h 2515"/>
                <a:gd name="T14" fmla="*/ 220 w 1219"/>
                <a:gd name="T15" fmla="*/ 358 h 2515"/>
                <a:gd name="T16" fmla="*/ 275 w 1219"/>
                <a:gd name="T17" fmla="*/ 249 h 2515"/>
                <a:gd name="T18" fmla="*/ 275 w 1219"/>
                <a:gd name="T19" fmla="*/ 2392 h 2515"/>
                <a:gd name="T20" fmla="*/ 399 w 1219"/>
                <a:gd name="T21" fmla="*/ 2515 h 2515"/>
                <a:gd name="T22" fmla="*/ 523 w 1219"/>
                <a:gd name="T23" fmla="*/ 2392 h 2515"/>
                <a:gd name="T24" fmla="*/ 523 w 1219"/>
                <a:gd name="T25" fmla="*/ 1356 h 2515"/>
                <a:gd name="T26" fmla="*/ 685 w 1219"/>
                <a:gd name="T27" fmla="*/ 1356 h 2515"/>
                <a:gd name="T28" fmla="*/ 685 w 1219"/>
                <a:gd name="T29" fmla="*/ 2392 h 2515"/>
                <a:gd name="T30" fmla="*/ 809 w 1219"/>
                <a:gd name="T31" fmla="*/ 2515 h 2515"/>
                <a:gd name="T32" fmla="*/ 933 w 1219"/>
                <a:gd name="T33" fmla="*/ 2392 h 2515"/>
                <a:gd name="T34" fmla="*/ 933 w 1219"/>
                <a:gd name="T35" fmla="*/ 241 h 2515"/>
                <a:gd name="T36" fmla="*/ 999 w 1219"/>
                <a:gd name="T37" fmla="*/ 358 h 2515"/>
                <a:gd name="T38" fmla="*/ 999 w 1219"/>
                <a:gd name="T39" fmla="*/ 1170 h 2515"/>
                <a:gd name="T40" fmla="*/ 1109 w 1219"/>
                <a:gd name="T41" fmla="*/ 1280 h 2515"/>
                <a:gd name="T42" fmla="*/ 1219 w 1219"/>
                <a:gd name="T43" fmla="*/ 1170 h 2515"/>
                <a:gd name="T44" fmla="*/ 1219 w 1219"/>
                <a:gd name="T45" fmla="*/ 358 h 2515"/>
                <a:gd name="T46" fmla="*/ 861 w 1219"/>
                <a:gd name="T47" fmla="*/ 0 h 251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</a:cxnLst>
              <a:rect l="0" t="0" r="r" b="b"/>
              <a:pathLst>
                <a:path w="1219" h="2515">
                  <a:moveTo>
                    <a:pt x="861" y="0"/>
                  </a:moveTo>
                  <a:lnTo>
                    <a:pt x="861" y="0"/>
                  </a:lnTo>
                  <a:lnTo>
                    <a:pt x="358" y="0"/>
                  </a:lnTo>
                  <a:cubicBezTo>
                    <a:pt x="160" y="0"/>
                    <a:pt x="0" y="161"/>
                    <a:pt x="0" y="358"/>
                  </a:cubicBezTo>
                  <a:lnTo>
                    <a:pt x="0" y="1170"/>
                  </a:lnTo>
                  <a:cubicBezTo>
                    <a:pt x="0" y="1231"/>
                    <a:pt x="49" y="1280"/>
                    <a:pt x="110" y="1280"/>
                  </a:cubicBezTo>
                  <a:cubicBezTo>
                    <a:pt x="171" y="1280"/>
                    <a:pt x="220" y="1231"/>
                    <a:pt x="220" y="1170"/>
                  </a:cubicBezTo>
                  <a:lnTo>
                    <a:pt x="220" y="358"/>
                  </a:lnTo>
                  <a:cubicBezTo>
                    <a:pt x="220" y="313"/>
                    <a:pt x="242" y="274"/>
                    <a:pt x="275" y="249"/>
                  </a:cubicBezTo>
                  <a:lnTo>
                    <a:pt x="275" y="2392"/>
                  </a:lnTo>
                  <a:cubicBezTo>
                    <a:pt x="275" y="2460"/>
                    <a:pt x="331" y="2515"/>
                    <a:pt x="399" y="2515"/>
                  </a:cubicBezTo>
                  <a:cubicBezTo>
                    <a:pt x="467" y="2515"/>
                    <a:pt x="523" y="2460"/>
                    <a:pt x="523" y="2392"/>
                  </a:cubicBezTo>
                  <a:lnTo>
                    <a:pt x="523" y="1356"/>
                  </a:lnTo>
                  <a:lnTo>
                    <a:pt x="685" y="1356"/>
                  </a:lnTo>
                  <a:lnTo>
                    <a:pt x="685" y="2392"/>
                  </a:lnTo>
                  <a:cubicBezTo>
                    <a:pt x="685" y="2460"/>
                    <a:pt x="740" y="2515"/>
                    <a:pt x="809" y="2515"/>
                  </a:cubicBezTo>
                  <a:cubicBezTo>
                    <a:pt x="877" y="2515"/>
                    <a:pt x="933" y="2460"/>
                    <a:pt x="933" y="2392"/>
                  </a:cubicBezTo>
                  <a:lnTo>
                    <a:pt x="933" y="241"/>
                  </a:lnTo>
                  <a:cubicBezTo>
                    <a:pt x="972" y="265"/>
                    <a:pt x="999" y="308"/>
                    <a:pt x="999" y="358"/>
                  </a:cubicBezTo>
                  <a:lnTo>
                    <a:pt x="999" y="1170"/>
                  </a:lnTo>
                  <a:cubicBezTo>
                    <a:pt x="999" y="1231"/>
                    <a:pt x="1048" y="1280"/>
                    <a:pt x="1109" y="1280"/>
                  </a:cubicBezTo>
                  <a:cubicBezTo>
                    <a:pt x="1170" y="1280"/>
                    <a:pt x="1219" y="1231"/>
                    <a:pt x="1219" y="1170"/>
                  </a:cubicBezTo>
                  <a:lnTo>
                    <a:pt x="1219" y="358"/>
                  </a:lnTo>
                  <a:cubicBezTo>
                    <a:pt x="1219" y="161"/>
                    <a:pt x="1059" y="0"/>
                    <a:pt x="861" y="0"/>
                  </a:cubicBezTo>
                  <a:close/>
                </a:path>
              </a:pathLst>
            </a:custGeom>
            <a:solidFill>
              <a:srgbClr val="093371"/>
            </a:solidFill>
            <a:ln w="0">
              <a:solidFill>
                <a:schemeClr val="tx2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14" name="TextBox 13">
            <a:extLst>
              <a:ext uri="{FF2B5EF4-FFF2-40B4-BE49-F238E27FC236}">
                <a16:creationId xmlns:a16="http://schemas.microsoft.com/office/drawing/2014/main" id="{FBA03613-6403-3993-E3B2-C38140841355}"/>
              </a:ext>
            </a:extLst>
          </p:cNvPr>
          <p:cNvSpPr txBox="1"/>
          <p:nvPr/>
        </p:nvSpPr>
        <p:spPr>
          <a:xfrm>
            <a:off x="3783180" y="3777608"/>
            <a:ext cx="2066207" cy="1200329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NO" sz="2400" dirty="0"/>
              <a:t>&lt; 1 year</a:t>
            </a:r>
          </a:p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NO" sz="2400" dirty="0"/>
              <a:t>1 – 4 years</a:t>
            </a:r>
          </a:p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NO" sz="2400" dirty="0"/>
              <a:t>&gt; 5 years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0F3E857A-35AC-C10D-A186-4A16AC61B71B}"/>
              </a:ext>
            </a:extLst>
          </p:cNvPr>
          <p:cNvSpPr txBox="1"/>
          <p:nvPr/>
        </p:nvSpPr>
        <p:spPr>
          <a:xfrm>
            <a:off x="8062627" y="3822765"/>
            <a:ext cx="1608133" cy="83099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NO" sz="2400" dirty="0"/>
              <a:t>Male</a:t>
            </a:r>
          </a:p>
          <a:p>
            <a:pPr marL="342913" indent="-342913">
              <a:buClr>
                <a:srgbClr val="008CCF"/>
              </a:buClr>
              <a:buFont typeface="Rubik" pitchFamily="2" charset="-79"/>
              <a:buChar char="•"/>
            </a:pPr>
            <a:r>
              <a:rPr lang="en-NO" sz="2400" dirty="0"/>
              <a:t>Female</a:t>
            </a:r>
          </a:p>
        </p:txBody>
      </p:sp>
    </p:spTree>
    <p:extLst>
      <p:ext uri="{BB962C8B-B14F-4D97-AF65-F5344CB8AC3E}">
        <p14:creationId xmlns:p14="http://schemas.microsoft.com/office/powerpoint/2010/main" val="1755927669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ounded Rectangle 2">
            <a:extLst>
              <a:ext uri="{FF2B5EF4-FFF2-40B4-BE49-F238E27FC236}">
                <a16:creationId xmlns:a16="http://schemas.microsoft.com/office/drawing/2014/main" id="{6F04927B-CD36-12EC-02ED-B15E50588B68}"/>
              </a:ext>
            </a:extLst>
          </p:cNvPr>
          <p:cNvSpPr/>
          <p:nvPr/>
        </p:nvSpPr>
        <p:spPr>
          <a:xfrm>
            <a:off x="986611" y="2979742"/>
            <a:ext cx="3257550" cy="1000125"/>
          </a:xfrm>
          <a:prstGeom prst="round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ANC coverage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39B4701-F9F5-6CEC-942A-5A3470A88250}"/>
              </a:ext>
            </a:extLst>
          </p:cNvPr>
          <p:cNvSpPr txBox="1"/>
          <p:nvPr/>
        </p:nvSpPr>
        <p:spPr>
          <a:xfrm>
            <a:off x="4506109" y="3215007"/>
            <a:ext cx="35939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/>
              <a:t>=</a:t>
            </a:r>
          </a:p>
        </p:txBody>
      </p: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EA74B18C-73ED-0C06-ED9A-B8B6677DD54B}"/>
              </a:ext>
            </a:extLst>
          </p:cNvPr>
          <p:cNvCxnSpPr>
            <a:cxnSpLocks/>
          </p:cNvCxnSpPr>
          <p:nvPr/>
        </p:nvCxnSpPr>
        <p:spPr>
          <a:xfrm>
            <a:off x="5446377" y="3479799"/>
            <a:ext cx="4555671" cy="0"/>
          </a:xfrm>
          <a:prstGeom prst="line">
            <a:avLst/>
          </a:prstGeom>
          <a:ln w="38100" cap="rnd">
            <a:solidFill>
              <a:schemeClr val="tx1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TextBox 10">
            <a:extLst>
              <a:ext uri="{FF2B5EF4-FFF2-40B4-BE49-F238E27FC236}">
                <a16:creationId xmlns:a16="http://schemas.microsoft.com/office/drawing/2014/main" id="{C8591C18-C02A-2B75-2DF2-16398016F9B0}"/>
              </a:ext>
            </a:extLst>
          </p:cNvPr>
          <p:cNvSpPr txBox="1"/>
          <p:nvPr/>
        </p:nvSpPr>
        <p:spPr>
          <a:xfrm>
            <a:off x="10312272" y="3248970"/>
            <a:ext cx="38824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/>
              <a:t>X</a:t>
            </a:r>
          </a:p>
        </p:txBody>
      </p:sp>
      <p:sp>
        <p:nvSpPr>
          <p:cNvPr id="12" name="Rounded Rectangle 11">
            <a:extLst>
              <a:ext uri="{FF2B5EF4-FFF2-40B4-BE49-F238E27FC236}">
                <a16:creationId xmlns:a16="http://schemas.microsoft.com/office/drawing/2014/main" id="{2F281760-44A0-8E13-62AC-619DACCFF9BC}"/>
              </a:ext>
            </a:extLst>
          </p:cNvPr>
          <p:cNvSpPr/>
          <p:nvPr/>
        </p:nvSpPr>
        <p:spPr>
          <a:xfrm>
            <a:off x="5846239" y="3652367"/>
            <a:ext cx="3796576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ounded Rectangle 14">
            <a:extLst>
              <a:ext uri="{FF2B5EF4-FFF2-40B4-BE49-F238E27FC236}">
                <a16:creationId xmlns:a16="http://schemas.microsoft.com/office/drawing/2014/main" id="{86CEC498-D264-5113-B076-F575F5962425}"/>
              </a:ext>
            </a:extLst>
          </p:cNvPr>
          <p:cNvSpPr/>
          <p:nvPr/>
        </p:nvSpPr>
        <p:spPr>
          <a:xfrm>
            <a:off x="10904586" y="3152303"/>
            <a:ext cx="1399077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7" name="Rounded Rectangle 16">
            <a:extLst>
              <a:ext uri="{FF2B5EF4-FFF2-40B4-BE49-F238E27FC236}">
                <a16:creationId xmlns:a16="http://schemas.microsoft.com/office/drawing/2014/main" id="{1966A10F-BCBD-4436-F42F-6958A96E3EAC}"/>
              </a:ext>
            </a:extLst>
          </p:cNvPr>
          <p:cNvSpPr/>
          <p:nvPr/>
        </p:nvSpPr>
        <p:spPr>
          <a:xfrm>
            <a:off x="5846239" y="2593975"/>
            <a:ext cx="3796576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</p:spTree>
    <p:extLst>
      <p:ext uri="{BB962C8B-B14F-4D97-AF65-F5344CB8AC3E}">
        <p14:creationId xmlns:p14="http://schemas.microsoft.com/office/powerpoint/2010/main" val="3511403378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ounded Rectangle 2">
            <a:extLst>
              <a:ext uri="{FF2B5EF4-FFF2-40B4-BE49-F238E27FC236}">
                <a16:creationId xmlns:a16="http://schemas.microsoft.com/office/drawing/2014/main" id="{6F04927B-CD36-12EC-02ED-B15E50588B68}"/>
              </a:ext>
            </a:extLst>
          </p:cNvPr>
          <p:cNvSpPr/>
          <p:nvPr/>
        </p:nvSpPr>
        <p:spPr>
          <a:xfrm>
            <a:off x="986611" y="2979742"/>
            <a:ext cx="3257550" cy="1000125"/>
          </a:xfrm>
          <a:prstGeom prst="round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ANC 1 to 8 drop out rate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39B4701-F9F5-6CEC-942A-5A3470A88250}"/>
              </a:ext>
            </a:extLst>
          </p:cNvPr>
          <p:cNvSpPr txBox="1"/>
          <p:nvPr/>
        </p:nvSpPr>
        <p:spPr>
          <a:xfrm>
            <a:off x="4244161" y="3248970"/>
            <a:ext cx="35939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/>
              <a:t>=</a:t>
            </a:r>
          </a:p>
        </p:txBody>
      </p: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EA74B18C-73ED-0C06-ED9A-B8B6677DD54B}"/>
              </a:ext>
            </a:extLst>
          </p:cNvPr>
          <p:cNvCxnSpPr>
            <a:cxnSpLocks/>
          </p:cNvCxnSpPr>
          <p:nvPr/>
        </p:nvCxnSpPr>
        <p:spPr>
          <a:xfrm>
            <a:off x="4801373" y="3479799"/>
            <a:ext cx="6061852" cy="0"/>
          </a:xfrm>
          <a:prstGeom prst="line">
            <a:avLst/>
          </a:prstGeom>
          <a:ln w="38100" cap="rnd">
            <a:solidFill>
              <a:schemeClr val="tx1"/>
            </a:solidFill>
            <a:prstDash val="solid"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TextBox 10">
            <a:extLst>
              <a:ext uri="{FF2B5EF4-FFF2-40B4-BE49-F238E27FC236}">
                <a16:creationId xmlns:a16="http://schemas.microsoft.com/office/drawing/2014/main" id="{C8591C18-C02A-2B75-2DF2-16398016F9B0}"/>
              </a:ext>
            </a:extLst>
          </p:cNvPr>
          <p:cNvSpPr txBox="1"/>
          <p:nvPr/>
        </p:nvSpPr>
        <p:spPr>
          <a:xfrm>
            <a:off x="11012008" y="3287366"/>
            <a:ext cx="38824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/>
              <a:t>X</a:t>
            </a:r>
          </a:p>
        </p:txBody>
      </p:sp>
      <p:sp>
        <p:nvSpPr>
          <p:cNvPr id="12" name="Rounded Rectangle 11">
            <a:extLst>
              <a:ext uri="{FF2B5EF4-FFF2-40B4-BE49-F238E27FC236}">
                <a16:creationId xmlns:a16="http://schemas.microsoft.com/office/drawing/2014/main" id="{2F281760-44A0-8E13-62AC-619DACCFF9BC}"/>
              </a:ext>
            </a:extLst>
          </p:cNvPr>
          <p:cNvSpPr/>
          <p:nvPr/>
        </p:nvSpPr>
        <p:spPr>
          <a:xfrm>
            <a:off x="6295479" y="3643660"/>
            <a:ext cx="2798153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ounded Rectangle 12">
            <a:extLst>
              <a:ext uri="{FF2B5EF4-FFF2-40B4-BE49-F238E27FC236}">
                <a16:creationId xmlns:a16="http://schemas.microsoft.com/office/drawing/2014/main" id="{CDDA267E-3C4F-C048-614C-40332ADC5E25}"/>
              </a:ext>
            </a:extLst>
          </p:cNvPr>
          <p:cNvSpPr/>
          <p:nvPr/>
        </p:nvSpPr>
        <p:spPr>
          <a:xfrm>
            <a:off x="8086702" y="2614383"/>
            <a:ext cx="2798153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5" name="Rounded Rectangle 14">
            <a:extLst>
              <a:ext uri="{FF2B5EF4-FFF2-40B4-BE49-F238E27FC236}">
                <a16:creationId xmlns:a16="http://schemas.microsoft.com/office/drawing/2014/main" id="{86CEC498-D264-5113-B076-F575F5962425}"/>
              </a:ext>
            </a:extLst>
          </p:cNvPr>
          <p:cNvSpPr/>
          <p:nvPr/>
        </p:nvSpPr>
        <p:spPr>
          <a:xfrm>
            <a:off x="11440923" y="3196440"/>
            <a:ext cx="1399077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7" name="Rounded Rectangle 16">
            <a:extLst>
              <a:ext uri="{FF2B5EF4-FFF2-40B4-BE49-F238E27FC236}">
                <a16:creationId xmlns:a16="http://schemas.microsoft.com/office/drawing/2014/main" id="{1966A10F-BCBD-4436-F42F-6958A96E3EAC}"/>
              </a:ext>
            </a:extLst>
          </p:cNvPr>
          <p:cNvSpPr/>
          <p:nvPr/>
        </p:nvSpPr>
        <p:spPr>
          <a:xfrm>
            <a:off x="4661840" y="2622741"/>
            <a:ext cx="2502653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  <p:sp>
        <p:nvSpPr>
          <p:cNvPr id="18" name="Rounded Rectangle 17">
            <a:extLst>
              <a:ext uri="{FF2B5EF4-FFF2-40B4-BE49-F238E27FC236}">
                <a16:creationId xmlns:a16="http://schemas.microsoft.com/office/drawing/2014/main" id="{E837BF8C-5E71-F056-982C-91BD7C72189E}"/>
              </a:ext>
            </a:extLst>
          </p:cNvPr>
          <p:cNvSpPr/>
          <p:nvPr/>
        </p:nvSpPr>
        <p:spPr>
          <a:xfrm>
            <a:off x="7331064" y="2612537"/>
            <a:ext cx="627285" cy="654992"/>
          </a:xfrm>
          <a:prstGeom prst="roundRect">
            <a:avLst/>
          </a:prstGeom>
          <a:noFill/>
          <a:ln w="38100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v</a:t>
            </a:r>
          </a:p>
        </p:txBody>
      </p:sp>
    </p:spTree>
    <p:extLst>
      <p:ext uri="{BB962C8B-B14F-4D97-AF65-F5344CB8AC3E}">
        <p14:creationId xmlns:p14="http://schemas.microsoft.com/office/powerpoint/2010/main" val="2620038437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Rectangle: Rounded Corners 3">
            <a:extLst>
              <a:ext uri="{FF2B5EF4-FFF2-40B4-BE49-F238E27FC236}">
                <a16:creationId xmlns:a16="http://schemas.microsoft.com/office/drawing/2014/main" id="{6AA2D607-C1B2-6C4A-04B4-5E73D040E385}"/>
              </a:ext>
            </a:extLst>
          </p:cNvPr>
          <p:cNvSpPr/>
          <p:nvPr/>
        </p:nvSpPr>
        <p:spPr>
          <a:xfrm>
            <a:off x="3588037" y="2265639"/>
            <a:ext cx="3054681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18" name="Rectangle: Rounded Corners 3">
            <a:extLst>
              <a:ext uri="{FF2B5EF4-FFF2-40B4-BE49-F238E27FC236}">
                <a16:creationId xmlns:a16="http://schemas.microsoft.com/office/drawing/2014/main" id="{C47385F2-F13A-E151-8654-F69105EA7C24}"/>
              </a:ext>
            </a:extLst>
          </p:cNvPr>
          <p:cNvSpPr/>
          <p:nvPr/>
        </p:nvSpPr>
        <p:spPr>
          <a:xfrm>
            <a:off x="3588036" y="3160973"/>
            <a:ext cx="3054681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25" name="Oval 24">
            <a:extLst>
              <a:ext uri="{FF2B5EF4-FFF2-40B4-BE49-F238E27FC236}">
                <a16:creationId xmlns:a16="http://schemas.microsoft.com/office/drawing/2014/main" id="{FD7D5788-3B80-2F31-84B2-E1501F6AED78}"/>
              </a:ext>
            </a:extLst>
          </p:cNvPr>
          <p:cNvSpPr/>
          <p:nvPr/>
        </p:nvSpPr>
        <p:spPr>
          <a:xfrm>
            <a:off x="3319712" y="3067145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3</a:t>
            </a:r>
          </a:p>
        </p:txBody>
      </p:sp>
      <p:sp>
        <p:nvSpPr>
          <p:cNvPr id="23" name="Oval 22">
            <a:extLst>
              <a:ext uri="{FF2B5EF4-FFF2-40B4-BE49-F238E27FC236}">
                <a16:creationId xmlns:a16="http://schemas.microsoft.com/office/drawing/2014/main" id="{83377F61-ED97-B86B-0964-5EB83A2FA0DA}"/>
              </a:ext>
            </a:extLst>
          </p:cNvPr>
          <p:cNvSpPr/>
          <p:nvPr/>
        </p:nvSpPr>
        <p:spPr>
          <a:xfrm>
            <a:off x="3319712" y="2179086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2</a:t>
            </a:r>
          </a:p>
        </p:txBody>
      </p:sp>
      <p:sp>
        <p:nvSpPr>
          <p:cNvPr id="19" name="Rectangle: Rounded Corners 3">
            <a:extLst>
              <a:ext uri="{FF2B5EF4-FFF2-40B4-BE49-F238E27FC236}">
                <a16:creationId xmlns:a16="http://schemas.microsoft.com/office/drawing/2014/main" id="{1605E850-AFA8-A2E5-4FBE-8F71111A3D84}"/>
              </a:ext>
            </a:extLst>
          </p:cNvPr>
          <p:cNvSpPr/>
          <p:nvPr/>
        </p:nvSpPr>
        <p:spPr>
          <a:xfrm>
            <a:off x="3595442" y="4056307"/>
            <a:ext cx="3054681" cy="536644"/>
          </a:xfrm>
          <a:prstGeom prst="roundRect">
            <a:avLst/>
          </a:prstGeom>
          <a:solidFill>
            <a:schemeClr val="tx2"/>
          </a:solidFill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bg1"/>
                </a:solidFill>
              </a:rPr>
              <a:t>Click on the blue plus (+) sign </a:t>
            </a:r>
          </a:p>
        </p:txBody>
      </p:sp>
      <p:sp>
        <p:nvSpPr>
          <p:cNvPr id="30" name="Oval 29">
            <a:extLst>
              <a:ext uri="{FF2B5EF4-FFF2-40B4-BE49-F238E27FC236}">
                <a16:creationId xmlns:a16="http://schemas.microsoft.com/office/drawing/2014/main" id="{A8AEE4D7-5F24-736F-B65D-0EA8FDC6C972}"/>
              </a:ext>
            </a:extLst>
          </p:cNvPr>
          <p:cNvSpPr/>
          <p:nvPr/>
        </p:nvSpPr>
        <p:spPr>
          <a:xfrm>
            <a:off x="3319712" y="3961547"/>
            <a:ext cx="536644" cy="536644"/>
          </a:xfrm>
          <a:prstGeom prst="ellipse">
            <a:avLst/>
          </a:prstGeom>
          <a:solidFill>
            <a:schemeClr val="tx2"/>
          </a:solidFill>
          <a:ln w="31750"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4</a:t>
            </a:r>
          </a:p>
        </p:txBody>
      </p:sp>
      <p:sp>
        <p:nvSpPr>
          <p:cNvPr id="31" name="Rectangle: Rounded Corners 3">
            <a:extLst>
              <a:ext uri="{FF2B5EF4-FFF2-40B4-BE49-F238E27FC236}">
                <a16:creationId xmlns:a16="http://schemas.microsoft.com/office/drawing/2014/main" id="{83FB0EEC-F544-91B6-9F7C-9F099FD1E845}"/>
              </a:ext>
            </a:extLst>
          </p:cNvPr>
          <p:cNvSpPr/>
          <p:nvPr/>
        </p:nvSpPr>
        <p:spPr>
          <a:xfrm>
            <a:off x="3588036" y="1615035"/>
            <a:ext cx="3054681" cy="536644"/>
          </a:xfrm>
          <a:prstGeom prst="roundRect">
            <a:avLst/>
          </a:prstGeom>
          <a:solidFill>
            <a:schemeClr val="tx2"/>
          </a:solidFill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bg1"/>
                </a:solidFill>
              </a:rPr>
              <a:t>     Open the Maintenance app</a:t>
            </a:r>
          </a:p>
        </p:txBody>
      </p:sp>
      <p:sp>
        <p:nvSpPr>
          <p:cNvPr id="32" name="Oval 31">
            <a:extLst>
              <a:ext uri="{FF2B5EF4-FFF2-40B4-BE49-F238E27FC236}">
                <a16:creationId xmlns:a16="http://schemas.microsoft.com/office/drawing/2014/main" id="{3E7077D7-8C5D-34CC-4F9B-4E80F9121078}"/>
              </a:ext>
            </a:extLst>
          </p:cNvPr>
          <p:cNvSpPr/>
          <p:nvPr/>
        </p:nvSpPr>
        <p:spPr>
          <a:xfrm>
            <a:off x="3312307" y="1520275"/>
            <a:ext cx="536644" cy="536644"/>
          </a:xfrm>
          <a:prstGeom prst="ellipse">
            <a:avLst/>
          </a:prstGeom>
          <a:solidFill>
            <a:schemeClr val="tx2"/>
          </a:solidFill>
          <a:ln w="31750"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1</a:t>
            </a:r>
          </a:p>
        </p:txBody>
      </p:sp>
      <p:sp>
        <p:nvSpPr>
          <p:cNvPr id="33" name="Rectangle: Rounded Corners 3">
            <a:extLst>
              <a:ext uri="{FF2B5EF4-FFF2-40B4-BE49-F238E27FC236}">
                <a16:creationId xmlns:a16="http://schemas.microsoft.com/office/drawing/2014/main" id="{FA82E4B7-2401-C96A-3528-DF945CD4E500}"/>
              </a:ext>
            </a:extLst>
          </p:cNvPr>
          <p:cNvSpPr/>
          <p:nvPr/>
        </p:nvSpPr>
        <p:spPr>
          <a:xfrm>
            <a:off x="3580633" y="4729431"/>
            <a:ext cx="3054681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34" name="Oval 33">
            <a:extLst>
              <a:ext uri="{FF2B5EF4-FFF2-40B4-BE49-F238E27FC236}">
                <a16:creationId xmlns:a16="http://schemas.microsoft.com/office/drawing/2014/main" id="{AA3B08B6-2B89-56A5-A83C-D1D25DAF881E}"/>
              </a:ext>
            </a:extLst>
          </p:cNvPr>
          <p:cNvSpPr/>
          <p:nvPr/>
        </p:nvSpPr>
        <p:spPr>
          <a:xfrm>
            <a:off x="3312307" y="4635602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5</a:t>
            </a:r>
          </a:p>
        </p:txBody>
      </p:sp>
      <p:sp>
        <p:nvSpPr>
          <p:cNvPr id="35" name="Rectangle: Rounded Corners 3">
            <a:extLst>
              <a:ext uri="{FF2B5EF4-FFF2-40B4-BE49-F238E27FC236}">
                <a16:creationId xmlns:a16="http://schemas.microsoft.com/office/drawing/2014/main" id="{C957A1CA-9DC2-0D25-2CB3-23D43B15E9FA}"/>
              </a:ext>
            </a:extLst>
          </p:cNvPr>
          <p:cNvSpPr/>
          <p:nvPr/>
        </p:nvSpPr>
        <p:spPr>
          <a:xfrm>
            <a:off x="3595442" y="5636688"/>
            <a:ext cx="3054681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36" name="Oval 35">
            <a:extLst>
              <a:ext uri="{FF2B5EF4-FFF2-40B4-BE49-F238E27FC236}">
                <a16:creationId xmlns:a16="http://schemas.microsoft.com/office/drawing/2014/main" id="{74971F82-3081-D909-64E7-EAB68D502E39}"/>
              </a:ext>
            </a:extLst>
          </p:cNvPr>
          <p:cNvSpPr/>
          <p:nvPr/>
        </p:nvSpPr>
        <p:spPr>
          <a:xfrm>
            <a:off x="3327116" y="5542859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6</a:t>
            </a:r>
          </a:p>
        </p:txBody>
      </p:sp>
      <p:sp>
        <p:nvSpPr>
          <p:cNvPr id="37" name="Rectangle: Rounded Corners 3">
            <a:extLst>
              <a:ext uri="{FF2B5EF4-FFF2-40B4-BE49-F238E27FC236}">
                <a16:creationId xmlns:a16="http://schemas.microsoft.com/office/drawing/2014/main" id="{CC187C48-D445-1CAC-AE37-6B58D18E6E5D}"/>
              </a:ext>
            </a:extLst>
          </p:cNvPr>
          <p:cNvSpPr/>
          <p:nvPr/>
        </p:nvSpPr>
        <p:spPr>
          <a:xfrm>
            <a:off x="3602846" y="6531733"/>
            <a:ext cx="3054681" cy="536644"/>
          </a:xfrm>
          <a:prstGeom prst="roundRect">
            <a:avLst/>
          </a:prstGeom>
          <a:solidFill>
            <a:schemeClr val="tx2"/>
          </a:solidFill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bg1"/>
                </a:solidFill>
              </a:rPr>
              <a:t>Click “Save”</a:t>
            </a:r>
          </a:p>
        </p:txBody>
      </p:sp>
      <p:sp>
        <p:nvSpPr>
          <p:cNvPr id="38" name="Oval 37">
            <a:extLst>
              <a:ext uri="{FF2B5EF4-FFF2-40B4-BE49-F238E27FC236}">
                <a16:creationId xmlns:a16="http://schemas.microsoft.com/office/drawing/2014/main" id="{A65342A0-F3FC-84EB-D95D-3BC75282B21F}"/>
              </a:ext>
            </a:extLst>
          </p:cNvPr>
          <p:cNvSpPr/>
          <p:nvPr/>
        </p:nvSpPr>
        <p:spPr>
          <a:xfrm>
            <a:off x="3327116" y="6436971"/>
            <a:ext cx="536644" cy="536644"/>
          </a:xfrm>
          <a:prstGeom prst="ellipse">
            <a:avLst/>
          </a:prstGeom>
          <a:solidFill>
            <a:schemeClr val="tx2"/>
          </a:solidFill>
          <a:ln w="31750"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7</a:t>
            </a:r>
          </a:p>
        </p:txBody>
      </p:sp>
      <p:sp>
        <p:nvSpPr>
          <p:cNvPr id="39" name="Rectangle: Rounded Corners 3">
            <a:extLst>
              <a:ext uri="{FF2B5EF4-FFF2-40B4-BE49-F238E27FC236}">
                <a16:creationId xmlns:a16="http://schemas.microsoft.com/office/drawing/2014/main" id="{7FCCF260-38A5-8223-4227-FA5E31543DFB}"/>
              </a:ext>
            </a:extLst>
          </p:cNvPr>
          <p:cNvSpPr/>
          <p:nvPr/>
        </p:nvSpPr>
        <p:spPr>
          <a:xfrm>
            <a:off x="7208979" y="2293046"/>
            <a:ext cx="3054681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40" name="Rectangle: Rounded Corners 3">
            <a:extLst>
              <a:ext uri="{FF2B5EF4-FFF2-40B4-BE49-F238E27FC236}">
                <a16:creationId xmlns:a16="http://schemas.microsoft.com/office/drawing/2014/main" id="{B044E8CC-2931-E8A5-D083-ECC57A833A3D}"/>
              </a:ext>
            </a:extLst>
          </p:cNvPr>
          <p:cNvSpPr/>
          <p:nvPr/>
        </p:nvSpPr>
        <p:spPr>
          <a:xfrm>
            <a:off x="7208979" y="3188380"/>
            <a:ext cx="3054681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41" name="Oval 40">
            <a:extLst>
              <a:ext uri="{FF2B5EF4-FFF2-40B4-BE49-F238E27FC236}">
                <a16:creationId xmlns:a16="http://schemas.microsoft.com/office/drawing/2014/main" id="{D281B141-D48B-D473-7F07-CA3EF70E2B9A}"/>
              </a:ext>
            </a:extLst>
          </p:cNvPr>
          <p:cNvSpPr/>
          <p:nvPr/>
        </p:nvSpPr>
        <p:spPr>
          <a:xfrm>
            <a:off x="6940654" y="3094552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3</a:t>
            </a:r>
          </a:p>
        </p:txBody>
      </p:sp>
      <p:sp>
        <p:nvSpPr>
          <p:cNvPr id="42" name="Oval 41">
            <a:extLst>
              <a:ext uri="{FF2B5EF4-FFF2-40B4-BE49-F238E27FC236}">
                <a16:creationId xmlns:a16="http://schemas.microsoft.com/office/drawing/2014/main" id="{1E10C429-E4F3-1747-048D-63175DCAA594}"/>
              </a:ext>
            </a:extLst>
          </p:cNvPr>
          <p:cNvSpPr/>
          <p:nvPr/>
        </p:nvSpPr>
        <p:spPr>
          <a:xfrm>
            <a:off x="6940655" y="2206493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2</a:t>
            </a:r>
          </a:p>
        </p:txBody>
      </p:sp>
      <p:sp>
        <p:nvSpPr>
          <p:cNvPr id="43" name="Rectangle: Rounded Corners 3">
            <a:extLst>
              <a:ext uri="{FF2B5EF4-FFF2-40B4-BE49-F238E27FC236}">
                <a16:creationId xmlns:a16="http://schemas.microsoft.com/office/drawing/2014/main" id="{6CED2A38-2B12-AF64-5652-DE3B22378370}"/>
              </a:ext>
            </a:extLst>
          </p:cNvPr>
          <p:cNvSpPr/>
          <p:nvPr/>
        </p:nvSpPr>
        <p:spPr>
          <a:xfrm>
            <a:off x="7216383" y="4083715"/>
            <a:ext cx="3054681" cy="536644"/>
          </a:xfrm>
          <a:prstGeom prst="roundRect">
            <a:avLst/>
          </a:prstGeom>
          <a:solidFill>
            <a:schemeClr val="tx2"/>
          </a:solidFill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bg1"/>
                </a:solidFill>
              </a:rPr>
              <a:t>Click on the blue plus (+) sign </a:t>
            </a:r>
          </a:p>
        </p:txBody>
      </p:sp>
      <p:sp>
        <p:nvSpPr>
          <p:cNvPr id="44" name="Oval 43">
            <a:extLst>
              <a:ext uri="{FF2B5EF4-FFF2-40B4-BE49-F238E27FC236}">
                <a16:creationId xmlns:a16="http://schemas.microsoft.com/office/drawing/2014/main" id="{727A9242-D6BB-3AFA-C84C-7FD30F593FF6}"/>
              </a:ext>
            </a:extLst>
          </p:cNvPr>
          <p:cNvSpPr/>
          <p:nvPr/>
        </p:nvSpPr>
        <p:spPr>
          <a:xfrm>
            <a:off x="6940655" y="3988953"/>
            <a:ext cx="536644" cy="536644"/>
          </a:xfrm>
          <a:prstGeom prst="ellipse">
            <a:avLst/>
          </a:prstGeom>
          <a:solidFill>
            <a:schemeClr val="tx2"/>
          </a:solidFill>
          <a:ln w="31750"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4</a:t>
            </a:r>
          </a:p>
        </p:txBody>
      </p:sp>
      <p:sp>
        <p:nvSpPr>
          <p:cNvPr id="45" name="Rectangle: Rounded Corners 3">
            <a:extLst>
              <a:ext uri="{FF2B5EF4-FFF2-40B4-BE49-F238E27FC236}">
                <a16:creationId xmlns:a16="http://schemas.microsoft.com/office/drawing/2014/main" id="{0E02058D-4CAF-4555-8793-A67678F87082}"/>
              </a:ext>
            </a:extLst>
          </p:cNvPr>
          <p:cNvSpPr/>
          <p:nvPr/>
        </p:nvSpPr>
        <p:spPr>
          <a:xfrm>
            <a:off x="7208979" y="1642443"/>
            <a:ext cx="3054681" cy="536644"/>
          </a:xfrm>
          <a:prstGeom prst="roundRect">
            <a:avLst/>
          </a:prstGeom>
          <a:solidFill>
            <a:schemeClr val="tx2"/>
          </a:solidFill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bg1"/>
                </a:solidFill>
              </a:rPr>
              <a:t>     Open the Maintenance app</a:t>
            </a:r>
          </a:p>
        </p:txBody>
      </p:sp>
      <p:sp>
        <p:nvSpPr>
          <p:cNvPr id="46" name="Oval 45">
            <a:extLst>
              <a:ext uri="{FF2B5EF4-FFF2-40B4-BE49-F238E27FC236}">
                <a16:creationId xmlns:a16="http://schemas.microsoft.com/office/drawing/2014/main" id="{0AF0D4CE-7E56-B58A-1141-3328B8375D68}"/>
              </a:ext>
            </a:extLst>
          </p:cNvPr>
          <p:cNvSpPr/>
          <p:nvPr/>
        </p:nvSpPr>
        <p:spPr>
          <a:xfrm>
            <a:off x="6933249" y="1547682"/>
            <a:ext cx="536644" cy="536644"/>
          </a:xfrm>
          <a:prstGeom prst="ellipse">
            <a:avLst/>
          </a:prstGeom>
          <a:solidFill>
            <a:schemeClr val="tx2"/>
          </a:solidFill>
          <a:ln w="31750"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1</a:t>
            </a:r>
          </a:p>
        </p:txBody>
      </p:sp>
      <p:sp>
        <p:nvSpPr>
          <p:cNvPr id="47" name="Rectangle: Rounded Corners 3">
            <a:extLst>
              <a:ext uri="{FF2B5EF4-FFF2-40B4-BE49-F238E27FC236}">
                <a16:creationId xmlns:a16="http://schemas.microsoft.com/office/drawing/2014/main" id="{0527E80B-0499-7B6A-6C0C-5CE26FEAD7DA}"/>
              </a:ext>
            </a:extLst>
          </p:cNvPr>
          <p:cNvSpPr/>
          <p:nvPr/>
        </p:nvSpPr>
        <p:spPr>
          <a:xfrm>
            <a:off x="7201575" y="4756838"/>
            <a:ext cx="3054681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48" name="Oval 47">
            <a:extLst>
              <a:ext uri="{FF2B5EF4-FFF2-40B4-BE49-F238E27FC236}">
                <a16:creationId xmlns:a16="http://schemas.microsoft.com/office/drawing/2014/main" id="{BF0E82E5-3319-ED0A-0ECD-A7A26BDD4530}"/>
              </a:ext>
            </a:extLst>
          </p:cNvPr>
          <p:cNvSpPr/>
          <p:nvPr/>
        </p:nvSpPr>
        <p:spPr>
          <a:xfrm>
            <a:off x="6933249" y="4663010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5</a:t>
            </a:r>
          </a:p>
        </p:txBody>
      </p:sp>
      <p:sp>
        <p:nvSpPr>
          <p:cNvPr id="49" name="Rectangle: Rounded Corners 3">
            <a:extLst>
              <a:ext uri="{FF2B5EF4-FFF2-40B4-BE49-F238E27FC236}">
                <a16:creationId xmlns:a16="http://schemas.microsoft.com/office/drawing/2014/main" id="{52FC80AA-AF9D-A83D-97A4-250B2203D902}"/>
              </a:ext>
            </a:extLst>
          </p:cNvPr>
          <p:cNvSpPr/>
          <p:nvPr/>
        </p:nvSpPr>
        <p:spPr>
          <a:xfrm>
            <a:off x="7216383" y="5664095"/>
            <a:ext cx="3054681" cy="781374"/>
          </a:xfrm>
          <a:prstGeom prst="roundRect">
            <a:avLst/>
          </a:prstGeom>
          <a:noFill/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000" dirty="0">
              <a:solidFill>
                <a:schemeClr val="tx2"/>
              </a:solidFill>
            </a:endParaRPr>
          </a:p>
        </p:txBody>
      </p:sp>
      <p:sp>
        <p:nvSpPr>
          <p:cNvPr id="50" name="Oval 49">
            <a:extLst>
              <a:ext uri="{FF2B5EF4-FFF2-40B4-BE49-F238E27FC236}">
                <a16:creationId xmlns:a16="http://schemas.microsoft.com/office/drawing/2014/main" id="{40EF60BE-0BB0-B3D5-9F18-666168F3FC01}"/>
              </a:ext>
            </a:extLst>
          </p:cNvPr>
          <p:cNvSpPr/>
          <p:nvPr/>
        </p:nvSpPr>
        <p:spPr>
          <a:xfrm>
            <a:off x="6948058" y="5570267"/>
            <a:ext cx="536644" cy="536644"/>
          </a:xfrm>
          <a:prstGeom prst="ellips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6</a:t>
            </a:r>
          </a:p>
        </p:txBody>
      </p:sp>
      <p:sp>
        <p:nvSpPr>
          <p:cNvPr id="51" name="Rectangle: Rounded Corners 3">
            <a:extLst>
              <a:ext uri="{FF2B5EF4-FFF2-40B4-BE49-F238E27FC236}">
                <a16:creationId xmlns:a16="http://schemas.microsoft.com/office/drawing/2014/main" id="{C7278AEA-5ED9-6C2E-569C-E59617D29A0F}"/>
              </a:ext>
            </a:extLst>
          </p:cNvPr>
          <p:cNvSpPr/>
          <p:nvPr/>
        </p:nvSpPr>
        <p:spPr>
          <a:xfrm>
            <a:off x="7223788" y="6559140"/>
            <a:ext cx="3054681" cy="536644"/>
          </a:xfrm>
          <a:prstGeom prst="roundRect">
            <a:avLst/>
          </a:prstGeom>
          <a:solidFill>
            <a:schemeClr val="tx2"/>
          </a:solidFill>
          <a:ln w="28575">
            <a:solidFill>
              <a:schemeClr val="tx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bg1"/>
                </a:solidFill>
              </a:rPr>
              <a:t>Click “Save”</a:t>
            </a:r>
          </a:p>
        </p:txBody>
      </p:sp>
      <p:sp>
        <p:nvSpPr>
          <p:cNvPr id="52" name="Oval 51">
            <a:extLst>
              <a:ext uri="{FF2B5EF4-FFF2-40B4-BE49-F238E27FC236}">
                <a16:creationId xmlns:a16="http://schemas.microsoft.com/office/drawing/2014/main" id="{BCF7DBC6-AC99-0497-B42E-5977623C02D6}"/>
              </a:ext>
            </a:extLst>
          </p:cNvPr>
          <p:cNvSpPr/>
          <p:nvPr/>
        </p:nvSpPr>
        <p:spPr>
          <a:xfrm>
            <a:off x="6948058" y="6464378"/>
            <a:ext cx="536644" cy="536644"/>
          </a:xfrm>
          <a:prstGeom prst="ellipse">
            <a:avLst/>
          </a:prstGeom>
          <a:solidFill>
            <a:schemeClr val="tx2"/>
          </a:solidFill>
          <a:ln w="31750"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7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1F7C1C7-09B2-4EA0-598C-62A1A78D971B}"/>
              </a:ext>
            </a:extLst>
          </p:cNvPr>
          <p:cNvSpPr txBox="1"/>
          <p:nvPr/>
        </p:nvSpPr>
        <p:spPr>
          <a:xfrm>
            <a:off x="3602842" y="641899"/>
            <a:ext cx="277063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NO" sz="2400" dirty="0"/>
              <a:t>Creating Indicator Groups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82409C7-3202-466A-4011-06EE4DEA0296}"/>
              </a:ext>
            </a:extLst>
          </p:cNvPr>
          <p:cNvSpPr txBox="1"/>
          <p:nvPr/>
        </p:nvSpPr>
        <p:spPr>
          <a:xfrm>
            <a:off x="6485527" y="844327"/>
            <a:ext cx="606256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US" sz="2400" dirty="0"/>
              <a:t>v</a:t>
            </a:r>
            <a:r>
              <a:rPr lang="en-NO" sz="2400" dirty="0"/>
              <a:t>s.</a:t>
            </a:r>
          </a:p>
        </p:txBody>
      </p:sp>
      <p:sp>
        <p:nvSpPr>
          <p:cNvPr id="53" name="TextBox 52">
            <a:extLst>
              <a:ext uri="{FF2B5EF4-FFF2-40B4-BE49-F238E27FC236}">
                <a16:creationId xmlns:a16="http://schemas.microsoft.com/office/drawing/2014/main" id="{847E84A8-B767-433C-DF37-68EB7A770E1E}"/>
              </a:ext>
            </a:extLst>
          </p:cNvPr>
          <p:cNvSpPr txBox="1"/>
          <p:nvPr/>
        </p:nvSpPr>
        <p:spPr>
          <a:xfrm>
            <a:off x="7137861" y="639521"/>
            <a:ext cx="315617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NO" sz="2400" dirty="0"/>
              <a:t>Creating Indicator Groupsets</a:t>
            </a:r>
          </a:p>
        </p:txBody>
      </p:sp>
    </p:spTree>
    <p:extLst>
      <p:ext uri="{BB962C8B-B14F-4D97-AF65-F5344CB8AC3E}">
        <p14:creationId xmlns:p14="http://schemas.microsoft.com/office/powerpoint/2010/main" val="1914525053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Rectangle 1">
            <a:extLst>
              <a:ext uri="{FF2B5EF4-FFF2-40B4-BE49-F238E27FC236}">
                <a16:creationId xmlns:a16="http://schemas.microsoft.com/office/drawing/2014/main" id="{40BC43F9-87B7-4EE1-ADAA-D5924ED70C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43744" y="-747652"/>
            <a:ext cx="532518" cy="24622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US" altLang="en-US" sz="1000">
                <a:solidFill>
                  <a:srgbClr val="42484E"/>
                </a:solidFill>
                <a:latin typeface="Roboto" panose="02000000000000000000" pitchFamily="2" charset="0"/>
                <a:ea typeface="Times New Roman" panose="02020603050405020304" pitchFamily="18" charset="0"/>
                <a:cs typeface="Times New Roman" panose="02020603050405020304" pitchFamily="18" charset="0"/>
              </a:rPr>
              <a:t>DONE</a:t>
            </a:r>
            <a:r>
              <a:rPr lang="en-US" altLang="en-US" sz="400"/>
              <a:t> </a:t>
            </a:r>
            <a:endParaRPr lang="en-US" altLang="en-US">
              <a:latin typeface="Arial" panose="020B0604020202020204" pitchFamily="34" charset="0"/>
            </a:endParaRP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8559587D-FFA7-7ACD-6E37-EFF5AF76288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92778" y="760059"/>
            <a:ext cx="11822220" cy="6039556"/>
          </a:xfrm>
          <a:prstGeom prst="rect">
            <a:avLst/>
          </a:prstGeom>
          <a:effectLst>
            <a:outerShdw blurRad="238548" dist="38100" dir="2700000" algn="tl" rotWithShape="0">
              <a:prstClr val="black">
                <a:alpha val="73383"/>
              </a:prstClr>
            </a:outerShdw>
            <a:softEdge rad="0"/>
          </a:effectLst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C0356015-5064-4098-2EDF-9B100480D3D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993603" y="1934319"/>
            <a:ext cx="3809430" cy="2298148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AFA2DF53-008D-75A7-144B-50612AE104F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803036" y="875313"/>
            <a:ext cx="5359713" cy="2194615"/>
          </a:xfrm>
          <a:prstGeom prst="rect">
            <a:avLst/>
          </a:prstGeom>
        </p:spPr>
      </p:pic>
      <p:pic>
        <p:nvPicPr>
          <p:cNvPr id="2" name="Graphic 1" descr="Cursor with solid fill">
            <a:extLst>
              <a:ext uri="{FF2B5EF4-FFF2-40B4-BE49-F238E27FC236}">
                <a16:creationId xmlns:a16="http://schemas.microsoft.com/office/drawing/2014/main" id="{1A043BA3-CC7A-A429-E738-A5ED921DD491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 rot="8910383">
            <a:off x="9880246" y="5296392"/>
            <a:ext cx="782800" cy="782800"/>
          </a:xfrm>
          <a:prstGeom prst="rect">
            <a:avLst/>
          </a:prstGeom>
        </p:spPr>
      </p:pic>
      <p:sp>
        <p:nvSpPr>
          <p:cNvPr id="3" name="Rounded Rectangle 2">
            <a:extLst>
              <a:ext uri="{FF2B5EF4-FFF2-40B4-BE49-F238E27FC236}">
                <a16:creationId xmlns:a16="http://schemas.microsoft.com/office/drawing/2014/main" id="{333BEB04-17D5-49C5-25D4-5E829642D6F7}"/>
              </a:ext>
            </a:extLst>
          </p:cNvPr>
          <p:cNvSpPr/>
          <p:nvPr/>
        </p:nvSpPr>
        <p:spPr>
          <a:xfrm>
            <a:off x="10809865" y="5687793"/>
            <a:ext cx="1776845" cy="782800"/>
          </a:xfrm>
          <a:prstGeom prst="round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9F7FC1AF-F3C6-45D8-0F3F-55189C9FE545}"/>
              </a:ext>
            </a:extLst>
          </p:cNvPr>
          <p:cNvSpPr txBox="1"/>
          <p:nvPr/>
        </p:nvSpPr>
        <p:spPr>
          <a:xfrm>
            <a:off x="4935830" y="5395013"/>
            <a:ext cx="5524997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>
              <a:buClr>
                <a:srgbClr val="008CCF"/>
              </a:buClr>
            </a:pPr>
            <a:r>
              <a:rPr lang="en-NO" sz="2400" dirty="0">
                <a:solidFill>
                  <a:schemeClr val="accent2"/>
                </a:solidFill>
              </a:rPr>
              <a:t>Click here to view and download certificat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809308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845" advClick="0" advTm="20040">
        <p159:morph option="byObject"/>
      </p:transition>
    </mc:Choice>
    <mc:Fallback xmlns="">
      <p:transition spd="slow" advClick="0" advTm="20040">
        <p:fade/>
      </p:transition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526CFF05-ACBB-B1EF-6A17-5281739EA15D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440428" y="203055"/>
            <a:ext cx="10531170" cy="6858000"/>
          </a:xfrm>
          <a:prstGeom prst="rect">
            <a:avLst/>
          </a:prstGeom>
        </p:spPr>
      </p:pic>
      <p:sp>
        <p:nvSpPr>
          <p:cNvPr id="5" name="Rectangle 4">
            <a:extLst>
              <a:ext uri="{FF2B5EF4-FFF2-40B4-BE49-F238E27FC236}">
                <a16:creationId xmlns:a16="http://schemas.microsoft.com/office/drawing/2014/main" id="{F234CCDB-CDCB-2C70-D2ED-D1DCA58A3B1A}"/>
              </a:ext>
            </a:extLst>
          </p:cNvPr>
          <p:cNvSpPr/>
          <p:nvPr/>
        </p:nvSpPr>
        <p:spPr>
          <a:xfrm>
            <a:off x="6706016" y="5100778"/>
            <a:ext cx="4253149" cy="705859"/>
          </a:xfrm>
          <a:prstGeom prst="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9F46B36A-54DF-95E3-B4FC-11DEA8E74FC1}"/>
              </a:ext>
            </a:extLst>
          </p:cNvPr>
          <p:cNvSpPr/>
          <p:nvPr/>
        </p:nvSpPr>
        <p:spPr>
          <a:xfrm>
            <a:off x="7234572" y="3388064"/>
            <a:ext cx="3724590" cy="346482"/>
          </a:xfrm>
          <a:prstGeom prst="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/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FD9FB14F-4804-324D-78F7-CB5B58C5A7A7}"/>
              </a:ext>
            </a:extLst>
          </p:cNvPr>
          <p:cNvSpPr/>
          <p:nvPr/>
        </p:nvSpPr>
        <p:spPr>
          <a:xfrm>
            <a:off x="1816397" y="972043"/>
            <a:ext cx="345687" cy="345687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1</a:t>
            </a:r>
          </a:p>
        </p:txBody>
      </p:sp>
      <p:sp>
        <p:nvSpPr>
          <p:cNvPr id="8" name="Oval 7">
            <a:extLst>
              <a:ext uri="{FF2B5EF4-FFF2-40B4-BE49-F238E27FC236}">
                <a16:creationId xmlns:a16="http://schemas.microsoft.com/office/drawing/2014/main" id="{229F4183-A44D-13A9-8C31-14D6F8DFE025}"/>
              </a:ext>
            </a:extLst>
          </p:cNvPr>
          <p:cNvSpPr/>
          <p:nvPr/>
        </p:nvSpPr>
        <p:spPr>
          <a:xfrm>
            <a:off x="1806176" y="2990297"/>
            <a:ext cx="345687" cy="345687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2</a:t>
            </a:r>
          </a:p>
        </p:txBody>
      </p:sp>
      <p:sp>
        <p:nvSpPr>
          <p:cNvPr id="9" name="Oval 8">
            <a:extLst>
              <a:ext uri="{FF2B5EF4-FFF2-40B4-BE49-F238E27FC236}">
                <a16:creationId xmlns:a16="http://schemas.microsoft.com/office/drawing/2014/main" id="{FAB90F89-3D84-51B8-CCDD-B75583ABCD7C}"/>
              </a:ext>
            </a:extLst>
          </p:cNvPr>
          <p:cNvSpPr/>
          <p:nvPr/>
        </p:nvSpPr>
        <p:spPr>
          <a:xfrm>
            <a:off x="1797925" y="4708039"/>
            <a:ext cx="345687" cy="345687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3</a:t>
            </a:r>
          </a:p>
        </p:txBody>
      </p:sp>
      <p:sp>
        <p:nvSpPr>
          <p:cNvPr id="10" name="Oval 9">
            <a:extLst>
              <a:ext uri="{FF2B5EF4-FFF2-40B4-BE49-F238E27FC236}">
                <a16:creationId xmlns:a16="http://schemas.microsoft.com/office/drawing/2014/main" id="{F6261F05-7218-F388-3518-D62D408D0EA8}"/>
              </a:ext>
            </a:extLst>
          </p:cNvPr>
          <p:cNvSpPr/>
          <p:nvPr/>
        </p:nvSpPr>
        <p:spPr>
          <a:xfrm>
            <a:off x="6972016" y="3209321"/>
            <a:ext cx="345687" cy="345687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4</a:t>
            </a:r>
          </a:p>
        </p:txBody>
      </p:sp>
      <p:sp>
        <p:nvSpPr>
          <p:cNvPr id="11" name="Oval 10">
            <a:extLst>
              <a:ext uri="{FF2B5EF4-FFF2-40B4-BE49-F238E27FC236}">
                <a16:creationId xmlns:a16="http://schemas.microsoft.com/office/drawing/2014/main" id="{0BF53164-7EB2-1509-3033-D9F1EE922249}"/>
              </a:ext>
            </a:extLst>
          </p:cNvPr>
          <p:cNvSpPr/>
          <p:nvPr/>
        </p:nvSpPr>
        <p:spPr>
          <a:xfrm>
            <a:off x="6494061" y="4927934"/>
            <a:ext cx="345687" cy="345687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5</a:t>
            </a:r>
          </a:p>
        </p:txBody>
      </p:sp>
    </p:spTree>
    <p:extLst>
      <p:ext uri="{BB962C8B-B14F-4D97-AF65-F5344CB8AC3E}">
        <p14:creationId xmlns:p14="http://schemas.microsoft.com/office/powerpoint/2010/main" val="3125960176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A55BE706-072F-5919-C205-7E7B0449E8F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50492209"/>
              </p:ext>
            </p:extLst>
          </p:nvPr>
        </p:nvGraphicFramePr>
        <p:xfrm>
          <a:off x="0" y="0"/>
          <a:ext cx="13485895" cy="1043915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750759">
                  <a:extLst>
                    <a:ext uri="{9D8B030D-6E8A-4147-A177-3AD203B41FA5}">
                      <a16:colId xmlns:a16="http://schemas.microsoft.com/office/drawing/2014/main" val="283770964"/>
                    </a:ext>
                  </a:extLst>
                </a:gridCol>
                <a:gridCol w="1286145">
                  <a:extLst>
                    <a:ext uri="{9D8B030D-6E8A-4147-A177-3AD203B41FA5}">
                      <a16:colId xmlns:a16="http://schemas.microsoft.com/office/drawing/2014/main" val="3587164534"/>
                    </a:ext>
                  </a:extLst>
                </a:gridCol>
                <a:gridCol w="1351722">
                  <a:extLst>
                    <a:ext uri="{9D8B030D-6E8A-4147-A177-3AD203B41FA5}">
                      <a16:colId xmlns:a16="http://schemas.microsoft.com/office/drawing/2014/main" val="1428711820"/>
                    </a:ext>
                  </a:extLst>
                </a:gridCol>
                <a:gridCol w="1232452">
                  <a:extLst>
                    <a:ext uri="{9D8B030D-6E8A-4147-A177-3AD203B41FA5}">
                      <a16:colId xmlns:a16="http://schemas.microsoft.com/office/drawing/2014/main" val="1841907053"/>
                    </a:ext>
                  </a:extLst>
                </a:gridCol>
                <a:gridCol w="1371600">
                  <a:extLst>
                    <a:ext uri="{9D8B030D-6E8A-4147-A177-3AD203B41FA5}">
                      <a16:colId xmlns:a16="http://schemas.microsoft.com/office/drawing/2014/main" val="3139049133"/>
                    </a:ext>
                  </a:extLst>
                </a:gridCol>
                <a:gridCol w="1311965">
                  <a:extLst>
                    <a:ext uri="{9D8B030D-6E8A-4147-A177-3AD203B41FA5}">
                      <a16:colId xmlns:a16="http://schemas.microsoft.com/office/drawing/2014/main" val="3584349205"/>
                    </a:ext>
                  </a:extLst>
                </a:gridCol>
                <a:gridCol w="1181252">
                  <a:extLst>
                    <a:ext uri="{9D8B030D-6E8A-4147-A177-3AD203B41FA5}">
                      <a16:colId xmlns:a16="http://schemas.microsoft.com/office/drawing/2014/main" val="2821472952"/>
                    </a:ext>
                  </a:extLst>
                </a:gridCol>
              </a:tblGrid>
              <a:tr h="820428">
                <a:tc gridSpan="7">
                  <a:txBody>
                    <a:bodyPr/>
                    <a:lstStyle/>
                    <a:p>
                      <a:pPr algn="l"/>
                      <a:r>
                        <a:rPr lang="en-US" sz="2400" dirty="0"/>
                        <a:t>Antenatal care 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978216592"/>
                  </a:ext>
                </a:extLst>
              </a:tr>
              <a:tr h="789165">
                <a:tc>
                  <a:txBody>
                    <a:bodyPr/>
                    <a:lstStyle/>
                    <a:p>
                      <a:pPr algn="ctr"/>
                      <a:endParaRPr lang="en-US" sz="20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6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25749470"/>
                  </a:ext>
                </a:extLst>
              </a:tr>
              <a:tr h="905332">
                <a:tc>
                  <a:txBody>
                    <a:bodyPr/>
                    <a:lstStyle/>
                    <a:p>
                      <a:pPr algn="l"/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Antenatal care 1</a:t>
                      </a:r>
                      <a:r>
                        <a:rPr lang="en-US" sz="2200" baseline="300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st</a:t>
                      </a:r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visi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6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46666383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Antenatal care 4</a:t>
                      </a:r>
                      <a:r>
                        <a:rPr lang="en-US" sz="2200" baseline="300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th</a:t>
                      </a:r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visi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6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98173902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Antenatal care 8</a:t>
                      </a:r>
                      <a:r>
                        <a:rPr lang="en-US" sz="2200" baseline="300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th</a:t>
                      </a:r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 or more visi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6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13416968"/>
                  </a:ext>
                </a:extLst>
              </a:tr>
              <a:tr h="792423">
                <a:tc gridSpan="7">
                  <a:txBody>
                    <a:bodyPr/>
                    <a:lstStyle/>
                    <a:p>
                      <a:pPr algn="l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Delivery by ag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l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727880823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0 – 14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5-19 Years</a:t>
                      </a:r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20+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98704945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Delivery in facilit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83887644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Delivery in facility by caesarean section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023073087"/>
                  </a:ext>
                </a:extLst>
              </a:tr>
              <a:tr h="792423">
                <a:tc gridSpan="7">
                  <a:txBody>
                    <a:bodyPr/>
                    <a:lstStyle/>
                    <a:p>
                      <a:pPr algn="l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Family planning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3713980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0 – 14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5-19 Years</a:t>
                      </a:r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20+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28922020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e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e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e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17946003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Contraception first time use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7666815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6095031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A55BE706-072F-5919-C205-7E7B0449E8F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909514901"/>
              </p:ext>
            </p:extLst>
          </p:nvPr>
        </p:nvGraphicFramePr>
        <p:xfrm>
          <a:off x="0" y="0"/>
          <a:ext cx="13485895" cy="1281642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750759">
                  <a:extLst>
                    <a:ext uri="{9D8B030D-6E8A-4147-A177-3AD203B41FA5}">
                      <a16:colId xmlns:a16="http://schemas.microsoft.com/office/drawing/2014/main" val="283770964"/>
                    </a:ext>
                  </a:extLst>
                </a:gridCol>
                <a:gridCol w="1286145">
                  <a:extLst>
                    <a:ext uri="{9D8B030D-6E8A-4147-A177-3AD203B41FA5}">
                      <a16:colId xmlns:a16="http://schemas.microsoft.com/office/drawing/2014/main" val="3587164534"/>
                    </a:ext>
                  </a:extLst>
                </a:gridCol>
                <a:gridCol w="1351722">
                  <a:extLst>
                    <a:ext uri="{9D8B030D-6E8A-4147-A177-3AD203B41FA5}">
                      <a16:colId xmlns:a16="http://schemas.microsoft.com/office/drawing/2014/main" val="1428711820"/>
                    </a:ext>
                  </a:extLst>
                </a:gridCol>
                <a:gridCol w="1232452">
                  <a:extLst>
                    <a:ext uri="{9D8B030D-6E8A-4147-A177-3AD203B41FA5}">
                      <a16:colId xmlns:a16="http://schemas.microsoft.com/office/drawing/2014/main" val="1841907053"/>
                    </a:ext>
                  </a:extLst>
                </a:gridCol>
                <a:gridCol w="1371600">
                  <a:extLst>
                    <a:ext uri="{9D8B030D-6E8A-4147-A177-3AD203B41FA5}">
                      <a16:colId xmlns:a16="http://schemas.microsoft.com/office/drawing/2014/main" val="3139049133"/>
                    </a:ext>
                  </a:extLst>
                </a:gridCol>
                <a:gridCol w="1311965">
                  <a:extLst>
                    <a:ext uri="{9D8B030D-6E8A-4147-A177-3AD203B41FA5}">
                      <a16:colId xmlns:a16="http://schemas.microsoft.com/office/drawing/2014/main" val="3584349205"/>
                    </a:ext>
                  </a:extLst>
                </a:gridCol>
                <a:gridCol w="1181252">
                  <a:extLst>
                    <a:ext uri="{9D8B030D-6E8A-4147-A177-3AD203B41FA5}">
                      <a16:colId xmlns:a16="http://schemas.microsoft.com/office/drawing/2014/main" val="2821472952"/>
                    </a:ext>
                  </a:extLst>
                </a:gridCol>
              </a:tblGrid>
              <a:tr h="820428">
                <a:tc gridSpan="7">
                  <a:txBody>
                    <a:bodyPr/>
                    <a:lstStyle/>
                    <a:p>
                      <a:pPr lvl="1" algn="l"/>
                      <a:r>
                        <a:rPr lang="en-US" sz="2400" dirty="0"/>
                        <a:t>  Treatmen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978216592"/>
                  </a:ext>
                </a:extLst>
              </a:tr>
              <a:tr h="789165">
                <a:tc gridSpan="3">
                  <a:txBody>
                    <a:bodyPr/>
                    <a:lstStyle/>
                    <a:p>
                      <a:pPr algn="ctr"/>
                      <a:endParaRPr lang="en-US" sz="200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r>
                        <a:rPr lang="en-US" sz="2000" b="1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Valu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r>
                        <a:rPr lang="en-US" sz="2000" b="1" kern="120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Value</a:t>
                      </a:r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4">
                  <a:txBody>
                    <a:bodyPr/>
                    <a:lstStyle/>
                    <a:p>
                      <a:pPr algn="ctr"/>
                      <a:r>
                        <a:rPr lang="en-US" sz="20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Value</a:t>
                      </a:r>
                      <a:endParaRPr lang="en-US" b="0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25749470"/>
                  </a:ext>
                </a:extLst>
              </a:tr>
              <a:tr h="905332">
                <a:tc gridSpan="3">
                  <a:txBody>
                    <a:bodyPr/>
                    <a:lstStyle/>
                    <a:p>
                      <a:pPr algn="l"/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Cases treated with any antimalarial medicine (incl. ACT)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4"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46666383"/>
                  </a:ext>
                </a:extLst>
              </a:tr>
              <a:tr h="792423">
                <a:tc gridSpan="3">
                  <a:txBody>
                    <a:bodyPr/>
                    <a:lstStyle/>
                    <a:p>
                      <a:pPr algn="l"/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P. Falciparum cases treated with single dose primaquine and ACT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4"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98173902"/>
                  </a:ext>
                </a:extLst>
              </a:tr>
              <a:tr h="792423">
                <a:tc gridSpan="3">
                  <a:txBody>
                    <a:bodyPr/>
                    <a:lstStyle/>
                    <a:p>
                      <a:pPr algn="l"/>
                      <a:r>
                        <a:rPr lang="en-US" sz="2200" dirty="0"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P. Falciparum cases treated with ACT onl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4"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13416968"/>
                  </a:ext>
                </a:extLst>
              </a:tr>
              <a:tr h="792423">
                <a:tc gridSpan="7">
                  <a:txBody>
                    <a:bodyPr/>
                    <a:lstStyle/>
                    <a:p>
                      <a:pPr lvl="1" algn="l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  Case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l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727880823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6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Valu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076305058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0 –4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5-114 Years</a:t>
                      </a:r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5+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98704945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Suspected malaria case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83887644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Confirmed malaria cases 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023073087"/>
                  </a:ext>
                </a:extLst>
              </a:tr>
              <a:tr h="792423">
                <a:tc gridSpan="7">
                  <a:txBody>
                    <a:bodyPr/>
                    <a:lstStyle/>
                    <a:p>
                      <a:pPr lvl="1" algn="l"/>
                      <a:r>
                        <a:rPr lang="en-US" sz="2400" b="1" kern="1200" dirty="0">
                          <a:solidFill>
                            <a:schemeClr val="lt1"/>
                          </a:solidFill>
                          <a:latin typeface="+mn-lt"/>
                          <a:ea typeface="+mn-ea"/>
                          <a:cs typeface="+mn-cs"/>
                        </a:rPr>
                        <a:t>  Laborator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4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3713980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6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Valu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tx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599040650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0 – 14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15-19 Years</a:t>
                      </a:r>
                      <a:endParaRPr lang="en-US" sz="2200" b="0" dirty="0"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20+ Years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/>
                      <a:endParaRPr lang="en-US" sz="2000" b="1" kern="1200" dirty="0">
                        <a:solidFill>
                          <a:schemeClr val="lt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28922020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e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e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Femal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17946003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aria cases tested with microscop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76668156"/>
                  </a:ext>
                </a:extLst>
              </a:tr>
              <a:tr h="792423">
                <a:tc>
                  <a:txBody>
                    <a:bodyPr/>
                    <a:lstStyle/>
                    <a:p>
                      <a:pPr algn="l"/>
                      <a:r>
                        <a:rPr lang="en-US" sz="2200" b="0" kern="1200" dirty="0">
                          <a:solidFill>
                            <a:schemeClr val="tx1"/>
                          </a:solidFill>
                          <a:latin typeface="Lato" panose="020F0502020204030203" pitchFamily="34" charset="0"/>
                          <a:ea typeface="Lato" panose="020F0502020204030203" pitchFamily="34" charset="0"/>
                          <a:cs typeface="Lato" panose="020F0502020204030203" pitchFamily="34" charset="0"/>
                        </a:rPr>
                        <a:t>Malaria cases positive with microscopy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200" b="0" kern="1200" dirty="0">
                        <a:solidFill>
                          <a:schemeClr val="lt1"/>
                        </a:solidFill>
                        <a:latin typeface="Lato" panose="020F0502020204030203" pitchFamily="34" charset="0"/>
                        <a:ea typeface="Lato" panose="020F0502020204030203" pitchFamily="34" charset="0"/>
                        <a:cs typeface="Lato" panose="020F0502020204030203" pitchFamily="34" charset="0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6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67586214"/>
                  </a:ext>
                </a:extLst>
              </a:tr>
            </a:tbl>
          </a:graphicData>
        </a:graphic>
      </p:graphicFrame>
      <p:sp>
        <p:nvSpPr>
          <p:cNvPr id="2" name="Rectangle 1">
            <a:extLst>
              <a:ext uri="{FF2B5EF4-FFF2-40B4-BE49-F238E27FC236}">
                <a16:creationId xmlns:a16="http://schemas.microsoft.com/office/drawing/2014/main" id="{E8D1D832-3A3C-1C4E-FD89-A9A3952280C2}"/>
              </a:ext>
            </a:extLst>
          </p:cNvPr>
          <p:cNvSpPr/>
          <p:nvPr/>
        </p:nvSpPr>
        <p:spPr>
          <a:xfrm>
            <a:off x="5766847" y="5716308"/>
            <a:ext cx="7719047" cy="778887"/>
          </a:xfrm>
          <a:prstGeom prst="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B18B3308-C9C3-20B4-37A3-FA5EC4F83762}"/>
              </a:ext>
            </a:extLst>
          </p:cNvPr>
          <p:cNvSpPr/>
          <p:nvPr/>
        </p:nvSpPr>
        <p:spPr>
          <a:xfrm>
            <a:off x="109728" y="155918"/>
            <a:ext cx="479298" cy="484162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1</a:t>
            </a:r>
          </a:p>
        </p:txBody>
      </p:sp>
      <p:sp>
        <p:nvSpPr>
          <p:cNvPr id="10" name="Oval 9">
            <a:extLst>
              <a:ext uri="{FF2B5EF4-FFF2-40B4-BE49-F238E27FC236}">
                <a16:creationId xmlns:a16="http://schemas.microsoft.com/office/drawing/2014/main" id="{D18CE518-00F2-8FF6-5372-FB5BDA72217F}"/>
              </a:ext>
            </a:extLst>
          </p:cNvPr>
          <p:cNvSpPr/>
          <p:nvPr/>
        </p:nvSpPr>
        <p:spPr>
          <a:xfrm>
            <a:off x="91440" y="4258526"/>
            <a:ext cx="479298" cy="484162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2</a:t>
            </a:r>
          </a:p>
        </p:txBody>
      </p:sp>
      <p:sp>
        <p:nvSpPr>
          <p:cNvPr id="11" name="Oval 10">
            <a:extLst>
              <a:ext uri="{FF2B5EF4-FFF2-40B4-BE49-F238E27FC236}">
                <a16:creationId xmlns:a16="http://schemas.microsoft.com/office/drawing/2014/main" id="{5303395F-BC39-5C68-A0B0-1C0F40B83910}"/>
              </a:ext>
            </a:extLst>
          </p:cNvPr>
          <p:cNvSpPr/>
          <p:nvPr/>
        </p:nvSpPr>
        <p:spPr>
          <a:xfrm>
            <a:off x="102153" y="8236749"/>
            <a:ext cx="479298" cy="484162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3</a:t>
            </a:r>
          </a:p>
        </p:txBody>
      </p:sp>
      <p:sp>
        <p:nvSpPr>
          <p:cNvPr id="12" name="Oval 11">
            <a:extLst>
              <a:ext uri="{FF2B5EF4-FFF2-40B4-BE49-F238E27FC236}">
                <a16:creationId xmlns:a16="http://schemas.microsoft.com/office/drawing/2014/main" id="{7065EC7E-B07E-80DB-CE4A-46D72259C924}"/>
              </a:ext>
            </a:extLst>
          </p:cNvPr>
          <p:cNvSpPr/>
          <p:nvPr/>
        </p:nvSpPr>
        <p:spPr>
          <a:xfrm>
            <a:off x="5527197" y="5863670"/>
            <a:ext cx="479298" cy="484162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4</a:t>
            </a:r>
          </a:p>
        </p:txBody>
      </p:sp>
      <p:sp>
        <p:nvSpPr>
          <p:cNvPr id="13" name="Oval 12">
            <a:extLst>
              <a:ext uri="{FF2B5EF4-FFF2-40B4-BE49-F238E27FC236}">
                <a16:creationId xmlns:a16="http://schemas.microsoft.com/office/drawing/2014/main" id="{92B92871-DFF2-14B8-FC3E-A078086CE6D6}"/>
              </a:ext>
            </a:extLst>
          </p:cNvPr>
          <p:cNvSpPr/>
          <p:nvPr/>
        </p:nvSpPr>
        <p:spPr>
          <a:xfrm>
            <a:off x="5458266" y="9940721"/>
            <a:ext cx="479298" cy="484162"/>
          </a:xfrm>
          <a:prstGeom prst="ellips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NO" dirty="0"/>
              <a:t>5</a:t>
            </a:r>
          </a:p>
        </p:txBody>
      </p:sp>
      <p:sp>
        <p:nvSpPr>
          <p:cNvPr id="14" name="Rectangle 13">
            <a:extLst>
              <a:ext uri="{FF2B5EF4-FFF2-40B4-BE49-F238E27FC236}">
                <a16:creationId xmlns:a16="http://schemas.microsoft.com/office/drawing/2014/main" id="{80141748-AC7B-E0C3-5B57-9207566B2A33}"/>
              </a:ext>
            </a:extLst>
          </p:cNvPr>
          <p:cNvSpPr/>
          <p:nvPr/>
        </p:nvSpPr>
        <p:spPr>
          <a:xfrm>
            <a:off x="5766846" y="9655305"/>
            <a:ext cx="7719047" cy="1523972"/>
          </a:xfrm>
          <a:prstGeom prst="rect">
            <a:avLst/>
          </a:prstGeom>
          <a:noFill/>
          <a:ln w="57150">
            <a:solidFill>
              <a:schemeClr val="accent2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NO"/>
          </a:p>
        </p:txBody>
      </p:sp>
    </p:spTree>
    <p:extLst>
      <p:ext uri="{BB962C8B-B14F-4D97-AF65-F5344CB8AC3E}">
        <p14:creationId xmlns:p14="http://schemas.microsoft.com/office/powerpoint/2010/main" val="236658508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8E53A79-D935-D131-BFD1-EBC7CC088CA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dirty="0"/>
          </a:p>
        </p:txBody>
      </p:sp>
      <p:pic>
        <p:nvPicPr>
          <p:cNvPr id="4" name="Picture 3" descr="A close-up of a logo&#10;&#10;Description automatically generated">
            <a:extLst>
              <a:ext uri="{FF2B5EF4-FFF2-40B4-BE49-F238E27FC236}">
                <a16:creationId xmlns:a16="http://schemas.microsoft.com/office/drawing/2014/main" id="{BD3E2723-667F-6FAD-D09A-2817C98CD2A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85983" y="2556859"/>
            <a:ext cx="7772400" cy="211790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9056432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 descr="A screenshot of a computer&#10;&#10;Description automatically generated">
            <a:extLst>
              <a:ext uri="{FF2B5EF4-FFF2-40B4-BE49-F238E27FC236}">
                <a16:creationId xmlns:a16="http://schemas.microsoft.com/office/drawing/2014/main" id="{110E4F02-5A49-7C52-C4F7-EADCFACA9604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04138" y="1392562"/>
            <a:ext cx="7772400" cy="499151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33129487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LMS_API_VERSION" val="SCORM 2004 (2nd edition)"/>
  <p:tag name="ISPRING_ULTRA_SCORM_COURSE_ID" val="D95A5CCB-D5D6-4855-986F-C07AB8FBEA4F"/>
  <p:tag name="ISPRING_CMI5_LAUNCH_METHOD" val="any window"/>
  <p:tag name="ISPRINGCLOUDFOLDERID" val="0"/>
  <p:tag name="ISPRINGONLINEFOLDERID" val="1"/>
  <p:tag name="ISPRING_SCORM_RATE_SLIDES" val="0"/>
  <p:tag name="ISPRING_SCORM_PASSING_SCORE" val="0.000000"/>
  <p:tag name="ISPRING_CURRENT_PLAYER_ID" val="universal"/>
  <p:tag name="ISPRING_FIRST_PUBLISH" val="1"/>
  <p:tag name="ISPRING_PRESENTATION_COURSE_TITLE" val="1.2.1 Data Entry"/>
  <p:tag name="ISPRING_UUID" val="{0CF92BB2-F707-4DB4-8277-D390B7C15C45}"/>
  <p:tag name="ISPRING_ULTRA_SCORM_COURCE_TITLE" val="2.1.1 Orientation to Pivot tables - Data dimension and period"/>
  <p:tag name="ISPRING_PRESENTATION_TITLE" val="2.1.1 Orientation to Pivot tables - Data dimension and period"/>
  <p:tag name="ISPRING_PLAYERS_CUSTOMIZATION_2" val="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/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+FB5VJFKGs9MBAAAZhUAACYAAAAAAAAAAQAAAAAA2SEAAHVuaXZlcnNhbC9odG1sX3B1Ymxpc2hpbmdfc2V0dGluZ3MueG1sUEsBAgAAFAACAAgA+FB5VPantXTDAQAAjAYAACEAAAAAAAAAAQAAAAAAaSYAAHVuaXZlcnNhbC9odG1sX3NraW5fc2V0dGluZ3MuanNvblBLAQIAABQAAgAIAPhQeVSUE7MiaQAAAG4AAAAcAAAAAAAAAAEAAAAAAGsoAAB1bml2ZXJzYWwvbG9jYWxfc2V0dGluZ3MueG1sUEsBAgAAFAACAAgA+VB5VDTUue2PEwAA2jkAABcAAAAAAAAAAAAAAAAADikAAHVuaXZlcnNhbC91bml2ZXJzYWwucG5nUEsBAgAAFAACAAgA+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+bwIAAIcIAAAkAAAAAAAAAAEAAAAAAH1JAAB2aWRlb2xlY3R1cmUvZmxhc2hfc2tpbl9zZXR0aW5ncy54bWxQSwECAAAUAAIACACBpmhUfJ+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100,&quot;videoQuality&quot;:100},&quot;secondsOnEachSlide&quot;:5,&quot;hostingSettings&quot;:{&quot;description&quot;:&quot;In this video, you will learn how creating outputs helps visualize and analyze the data available within DHIS2. \r\nKey concepts:\r\n- Data visualization\r\n- Data analysis\r\n- Pivot tables\r\n- Charts\r\n- Maps\r\n- Reports &quot;,&quot;category&quot;:&quot;27&quot;,&quot;permission&quot;:2},&quot;videoScale&quot;:150},&quot;ispringOnlineSettings&quot;:{&quot;onlineDestinationFolderId&quot;:&quot;1&quot;},&quot;cloudSettings&quot;:{&quot;onlineDestinationFolderId&quot;:&quot;0&quot;},&quot;publishDestination&quot;:&quot;ISPRING_STUDIO&quot;,&quot;wordSettings&quot;:{&quot;printCopies&quot;:1},&quot;studioSettings&quot;:{&quot;onlineDestinationPath&quot;:&quot;Learning Content/Data Analysis in DHIS2/2.1.1 Orientation to Pivot tables - Data dimension and period&quot;,&quot;onlineDestinationFolderId&quot;:&quot;6790f5b8-432d-11ec-9b17-ea0b0fe056d6&quot;,&quot;onlineDestinationUrl&quot;:&quot;dhis2-academy.ispring.com&quot;,&quot;uploadSources&quot;:true}}"/>
  <p:tag name="ISPRING_SCREEN_RECS_UPDATED" val="D:\DHIS2_Projects\DHIS2Fundamentals2.0\DHIS2DataAnalysis\iSpring\2.1.1 Orientation to Pivot tables - Data dimension and period\2.1.1 Orientation to PT_data dimension and period\"/>
  <p:tag name="ISPRING_RESOURCE_FOLDER" val="D:\DHIS2_Projects\DHIS2Fundamentals2.0\DHIS2DataAnalysis\iSpring\2.1.1 Orientation to Pivot tables - Data dimension and period\2.1.1 Orientation to PT_data dimension and period\"/>
  <p:tag name="ISPRING_PRESENTATION_PATH" val="D:\DHIS2_Projects\DHIS2Fundamentals2.0\DHIS2DataAnalysis\iSpring\2.1.1 Orientation to Pivot tables - Data dimension and period\2.1.1 Orientation to PT_data dimension and period.pptx"/>
  <p:tag name="FLASHSPRING_ZOOM_TAG" val="61"/>
  <p:tag name="ISPRING_PRESENTATION_INFO_2" val="&lt;?xml version=&quot;1.0&quot; encoding=&quot;UTF-8&quot; standalone=&quot;no&quot; ?&gt;&#10;&lt;presentation2&gt;&#10;&#10;  &lt;slides&gt;&#10;    &lt;slide id=&quot;{1785CA62-0A46-4F2F-8E27-74780829AAF3}&quot; pptId=&quot;299&quot;/&gt;&#10;    &lt;slide id=&quot;{5B390B75-23CA-4D53-906C-F4B9394787E5}&quot; pptId=&quot;275&quot;/&gt;&#10;    &lt;slide id=&quot;{C3863309-0E6A-430F-BD93-10EBA1288128}&quot; pptId=&quot;282&quot;/&gt;&#10;    &lt;slide id=&quot;{3E70E2DF-B9BA-49F3-B49E-D2EA2576E441}&quot; pptId=&quot;298&quot;/&gt;&#10;    &lt;slide id=&quot;{6FFF0BAB-2F86-4F2B-84A4-59CDC647DFCC}&quot; pptId=&quot;314&quot;/&gt;&#10;    &lt;slide id=&quot;{B51C801E-9025-4B18-ADF2-CDEE29D384E7}&quot; pptId=&quot;303&quot;/&gt;&#10;    &lt;slide id=&quot;{72AB0875-630A-4D9D-B1AB-EE69545A8641}&quot; pptId=&quot;304&quot;/&gt;&#10;    &lt;slide id=&quot;{9E0BFD32-5A4A-49D7-B0A4-E78134A1576E}&quot; pptId=&quot;305&quot;/&gt;&#10;    &lt;slide id=&quot;{483CF47E-A7E0-45CE-9E89-9E19A53955E3}&quot; pptId=&quot;315&quot;/&gt;&#10;    &lt;slide id=&quot;{76B2225E-82A1-4FFF-96B7-98DEBB39CD2A}&quot; pptId=&quot;307&quot;/&gt;&#10;    &lt;slide id=&quot;{8B261A14-D291-4FF6-B081-4F318CC8AFB8}&quot; pptId=&quot;308&quot;/&gt;&#10;    &lt;slide id=&quot;{688B14F4-2C76-4692-890A-DC461AB8E784}&quot; pptId=&quot;309&quot;/&gt;&#10;    &lt;slide id=&quot;{EBF6A1D1-A8D6-4C90-B4E3-779BADD70B3F}&quot; pptId=&quot;312&quot;/&gt;&#10;    &lt;slide id=&quot;{3B2F966A-2551-4835-ADD0-5B9CFEDF891B}&quot; pptId=&quot;313&quot;/&gt;&#10;    &lt;slide id=&quot;{91853337-EF79-42DA-95E7-CE35F88CCCC5}&quot; pptId=&quot;302&quot;/&gt;&#10;    &lt;slide id=&quot;{3A4E3A49-3CF3-48AE-A639-97C307AF4852}&quot; pptId=&quot;272&quot;/&gt;&#10;  &lt;/slides&gt;&#10;&#10;  &lt;narration&gt;&#10;    &lt;audioTracks&gt;&#10;      &lt;audioTrack muted=&quot;false&quot; name=&quot;Text-to-speech clip — Audio  1&quot; resource=&quot;3b193dd7&quot; slideId=&quot;{5B390B75-23CA-4D53-906C-F4B9394787E5}&quot; startTime=&quot;0&quot; stepIndex=&quot;0&quot; volume=&quot;1&quot;&gt;&#10;        &lt;audio channels=&quot;2&quot; format=&quot;fltp&quot; sampleRate=&quot;48000&quot;/&gt;&#10;      &lt;/audioTrack&gt;&#10;      &lt;audioTrack muted=&quot;false&quot; name=&quot;Text-to-speech clip — Audio  2&quot; resource=&quot;a3cdcbd4&quot; slideId=&quot;{C3863309-0E6A-430F-BD93-10EBA1288128}&quot; startTime=&quot;0&quot; stepIndex=&quot;0&quot; volume=&quot;1&quot;&gt;&#10;        &lt;audio channels=&quot;2&quot; format=&quot;fltp&quot; sampleRate=&quot;48000&quot;/&gt;&#10;      &lt;/audioTrack&gt;&#10;      &lt;audioTrack muted=&quot;false&quot; name=&quot;Text-to-speech clip — Audio  6&quot; resource=&quot;8368965c&quot; slideId=&quot;{72AB0875-630A-4D9D-B1AB-EE69545A8641}&quot; startTime=&quot;0&quot; stepIndex=&quot;0&quot; volume=&quot;1&quot;&gt;&#10;        &lt;audio channels=&quot;2&quot; format=&quot;fltp&quot; sampleRate=&quot;48000&quot;/&gt;&#10;      &lt;/audioTrack&gt;&#10;      &lt;audioTrack muted=&quot;false&quot; name=&quot;Text-to-speech clip — Audio  7&quot; resource=&quot;efd0e744&quot; slideId=&quot;{9E0BFD32-5A4A-49D7-B0A4-E78134A1576E}&quot; startTime=&quot;1&quot; stepIndex=&quot;0&quot; volume=&quot;1&quot;&gt;&#10;        &lt;audio channels=&quot;2&quot; format=&quot;fltp&quot; sampleRate=&quot;48000&quot;/&gt;&#10;      &lt;/audioTrack&gt;&#10;      &lt;audioTrack muted=&quot;false&quot; name=&quot;Text-to-speech clip — Audio  8&quot; resource=&quot;9019a048&quot; slideId=&quot;{483CF47E-A7E0-45CE-9E89-9E19A53955E3}&quot; startTime=&quot;0&quot; stepIndex=&quot;0&quot; volume=&quot;1&quot;&gt;&#10;        &lt;audio channels=&quot;2&quot; format=&quot;fltp&quot; sampleRate=&quot;48000&quot;/&gt;&#10;      &lt;/audioTrack&gt;&#10;      &lt;audioTrack muted=&quot;false&quot; name=&quot;Text-to-speech clip — Audio  10&quot; resource=&quot;93df9fac&quot; slideId=&quot;{EBF6A1D1-A8D6-4C90-B4E3-779BADD70B3F}&quot; startTime=&quot;0&quot; stepIndex=&quot;0&quot; volume=&quot;1&quot;&gt;&#10;        &lt;audio channels=&quot;2&quot; format=&quot;fltp&quot; sampleRate=&quot;48000&quot;/&gt;&#10;      &lt;/audioTrack&gt;&#10;      &lt;audioTrack muted=&quot;false&quot; name=&quot;Text-to-speech clip — Audio  11&quot; resource=&quot;f643d4a5&quot; slideId=&quot;{91853337-EF79-42DA-95E7-CE35F88CCCC5}&quot; startTime=&quot;0&quot; stepIndex=&quot;0&quot; volume=&quot;1&quot;&gt;&#10;        &lt;audio channels=&quot;2&quot; format=&quot;fltp&quot; sampleRate=&quot;48000&quot;/&gt;&#10;      &lt;/audioTrack&gt;&#10;      &lt;audioTrack muted=&quot;false&quot; name=&quot;outro&quot; resource=&quot;b3dccda8&quot; slideId=&quot;{3A4E3A49-3CF3-48AE-A639-97C307AF4852}&quot; startTime=&quot;0&quot; stepIndex=&quot;0&quot; volume=&quot;1&quot;&gt;&#10;        &lt;audio channels=&quot;2&quot; format=&quot;fltp&quot; sampleRate=&quot;44100&quot;/&gt;&#10;      &lt;/audioTrack&gt;&#10;      &lt;audioTrack muted=&quot;false&quot; name=&quot;intro&quot; resource=&quot;3a72fcb3&quot; slideId=&quot;{1785CA62-0A46-4F2F-8E27-74780829AAF3}&quot; startTime=&quot;0&quot; stepIndex=&quot;0&quot; volume=&quot;1&quot;&gt;&#10;        &lt;audio channels=&quot;2&quot; format=&quot;fltp&quot; sampleRate=&quot;44100&quot;/&gt;&#10;      &lt;/audioTrack&gt;&#10;      &lt;audioTrack muted=&quot;false&quot; name=&quot;Slide 4&quot; resource=&quot;b1eff8f7&quot; slideId=&quot;{3E70E2DF-B9BA-49F3-B49E-D2EA2576E441}&quot; startTime=&quot;0&quot; stepIndex=&quot;0&quot; volume=&quot;1&quot;&gt;&#10;        &lt;audio channels=&quot;2&quot; format=&quot;fltp&quot; sampleRate=&quot;48000&quot;/&gt;&#10;      &lt;/audioTrack&gt;&#10;      &lt;audioTrack muted=&quot;false&quot; name=&quot;Slide 5&quot; resource=&quot;f95ec1c5&quot; slideId=&quot;{6FFF0BAB-2F86-4F2B-84A4-59CDC647DFCC}&quot; startTime=&quot;0&quot; stepIndex=&quot;0&quot; volume=&quot;1&quot;&gt;&#10;        &lt;audio channels=&quot;2&quot; format=&quot;fltp&quot; sampleRate=&quot;48000&quot;/&gt;&#10;      &lt;/audioTrack&gt;&#10;      &lt;audioTrack muted=&quot;false&quot; name=&quot;Slide 6-&quot; resource=&quot;4c1e752a&quot; slideId=&quot;{B51C801E-9025-4B18-ADF2-CDEE29D384E7}&quot; startTime=&quot;0&quot; stepIndex=&quot;0&quot; volume=&quot;1&quot;&gt;&#10;        &lt;audio channels=&quot;2&quot; format=&quot;fltp&quot; sampleRate=&quot;48000&quot;/&gt;&#10;      &lt;/audioTrack&gt;&#10;      &lt;audioTrack muted=&quot;false&quot; name=&quot;Slide 11&quot; resource=&quot;50a86c74&quot; slideId=&quot;{8B261A14-D291-4FF6-B081-4F318CC8AFB8}&quot; startTime=&quot;0&quot; stepIndex=&quot;0&quot; volume=&quot;1&quot;&gt;&#10;        &lt;audio channels=&quot;2&quot; format=&quot;fltp&quot; sampleRate=&quot;48000&quot;/&gt;&#10;      &lt;/audioTrack&gt;&#10;    &lt;/audioTracks&gt;&#10;    &lt;videoTracks/&gt;&#10;  &lt;/narration&gt;&#10;&#10;&lt;/presentation2&gt;&#10;"/>
  <p:tag name="ISPRING_OUTPUT_FOLDER" val="[[&quot;W\uFFFD\uFFFD\uFFFD{0EE2C415-B14D-4F68-A37A-B962E8EEF89A}&quot;,&quot;D:\\DHIS2_Projects\\DHIS2Fundamentals2.0\\DHIS2DataAnalysis\\iSpring\\2.1.1 Orientation to Pivot tables - Data dimension and period&quot;],[&quot;\uFFFD\u007F\uFFFD\uFFFD{6BE92DC9-446C-4AE2-8C04-F8B8C6EF443B}&quot;,&quot;C:\\Users\\alita\\Documents\\0. Clientes LOCAL\\DHIS2\\Fundamentals\\2.0\\Data Analysis\\Production&quot;]]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SLIDE_UID" val="{2A5536AE-EF35-4EBD-8610-45B559223FF8}:299"/>
  <p:tag name="GENSWF_ADVANCE_TIME" val="13.019"/>
  <p:tag name="ISPRING_SLIDE_ID_2" val="{1785CA62-0A46-4F2F-8E27-74780829AAF3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SLIDE_UID" val="{84DFB000-EC79-4855-BDF5-5BBD0C0CBB3E}:355"/>
  <p:tag name="GENSWF_ADVANCE_TIME" val="20.040"/>
  <p:tag name="TIMING" val="|9.198|3.361|3.766"/>
  <p:tag name="ISPRING_SLIDE_ID_2" val="{64AF8FF1-844F-4E61-A989-3966970250D8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SLIDE_UID" val="{84DFB000-EC79-4855-BDF5-5BBD0C0CBB3E}:355"/>
  <p:tag name="GENSWF_ADVANCE_TIME" val="20.040"/>
  <p:tag name="TIMING" val="|9.198|3.361|3.766"/>
  <p:tag name="ISPRING_SLIDE_ID_2" val="{64AF8FF1-844F-4E61-A989-3966970250D8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SLIDE_UID" val="{84DFB000-EC79-4855-BDF5-5BBD0C0CBB3E}:355"/>
  <p:tag name="GENSWF_ADVANCE_TIME" val="20.040"/>
  <p:tag name="TIMING" val="|9.198|3.361|3.766"/>
  <p:tag name="ISPRING_SLIDE_ID_2" val="{64AF8FF1-844F-4E61-A989-3966970250D8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SLIDE_UID" val="{84DFB000-EC79-4855-BDF5-5BBD0C0CBB3E}:355"/>
  <p:tag name="GENSWF_ADVANCE_TIME" val="20.040"/>
  <p:tag name="TIMING" val="|9.198|3.361|3.766"/>
  <p:tag name="ISPRING_SLIDE_ID_2" val="{64AF8FF1-844F-4E61-A989-3966970250D8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SLIDE_UID" val="{84DFB000-EC79-4855-BDF5-5BBD0C0CBB3E}:355"/>
  <p:tag name="GENSWF_ADVANCE_TIME" val="20.040"/>
  <p:tag name="TIMING" val="|9.198|3.361|3.766"/>
  <p:tag name="ISPRING_SLIDE_ID_2" val="{64AF8FF1-844F-4E61-A989-3966970250D8}"/>
</p:tagLst>
</file>

<file path=ppt/theme/theme1.xml><?xml version="1.0" encoding="utf-8"?>
<a:theme xmlns:a="http://schemas.openxmlformats.org/drawingml/2006/main" name="DHIS2 Online Academy">
  <a:themeElements>
    <a:clrScheme name="DHIS2 Online Academy">
      <a:dk1>
        <a:srgbClr val="393D4D"/>
      </a:dk1>
      <a:lt1>
        <a:srgbClr val="FFFFFF"/>
      </a:lt1>
      <a:dk2>
        <a:srgbClr val="093371"/>
      </a:dk2>
      <a:lt2>
        <a:srgbClr val="F1F9F9"/>
      </a:lt2>
      <a:accent1>
        <a:srgbClr val="2196F3"/>
      </a:accent1>
      <a:accent2>
        <a:srgbClr val="FF8F02"/>
      </a:accent2>
      <a:accent3>
        <a:srgbClr val="276696"/>
      </a:accent3>
      <a:accent4>
        <a:srgbClr val="009688"/>
      </a:accent4>
      <a:accent5>
        <a:srgbClr val="43CBCB"/>
      </a:accent5>
      <a:accent6>
        <a:srgbClr val="70AD47"/>
      </a:accent6>
      <a:hlink>
        <a:srgbClr val="43CBCB"/>
      </a:hlink>
      <a:folHlink>
        <a:srgbClr val="4DB6AC"/>
      </a:folHlink>
    </a:clrScheme>
    <a:fontScheme name="DHIS2">
      <a:majorFont>
        <a:latin typeface="Rubik Medium"/>
        <a:ea typeface=""/>
        <a:cs typeface=""/>
      </a:majorFont>
      <a:minorFont>
        <a:latin typeface="Rubik"/>
        <a:ea typeface=""/>
        <a:cs typeface=""/>
      </a:minorFont>
    </a:fontScheme>
    <a:fmtScheme name="Subtle Solids">
      <a:fillStyleLst>
        <a:solidFill>
          <a:schemeClr val="phClr"/>
        </a:solidFill>
        <a:solidFill>
          <a:schemeClr val="phClr">
            <a:tint val="65000"/>
          </a:schemeClr>
        </a:solidFill>
        <a:solidFill>
          <a:schemeClr val="phClr">
            <a:shade val="80000"/>
            <a:satMod val="150000"/>
          </a:schemeClr>
        </a:solidFill>
      </a:fillStyleLst>
      <a:lnStyleLst>
        <a:ln w="9525" cap="flat" cmpd="sng" algn="ctr">
          <a:solidFill>
            <a:schemeClr val="phClr"/>
          </a:solidFill>
          <a:prstDash val="solid"/>
        </a:ln>
        <a:ln w="10795" cap="flat" cmpd="sng" algn="ctr">
          <a:solidFill>
            <a:schemeClr val="phClr"/>
          </a:solidFill>
          <a:prstDash val="solid"/>
        </a:ln>
        <a:ln w="17145" cap="flat" cmpd="sng" algn="ctr">
          <a:solidFill>
            <a:schemeClr val="phClr">
              <a:shade val="95000"/>
              <a:alpha val="50000"/>
              <a:satMod val="150000"/>
            </a:schemeClr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44450" dist="13970" dir="5400000" algn="ctr" rotWithShape="0">
              <a:srgbClr val="000000">
                <a:alpha val="45000"/>
              </a:srgbClr>
            </a:outerShdw>
          </a:effectLst>
          <a:scene3d>
            <a:camera prst="orthographicFront">
              <a:rot lat="0" lon="0" rev="0"/>
            </a:camera>
            <a:lightRig rig="twoPt" dir="tl"/>
          </a:scene3d>
          <a:sp3d prstMaterial="flat">
            <a:bevelT w="12700" h="25400" prst="coolSlant"/>
          </a:sp3d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lnDef>
      <a:spPr>
        <a:ln w="22225" cap="rnd">
          <a:solidFill>
            <a:srgbClr val="276696"/>
          </a:solidFill>
          <a:prstDash val="solid"/>
          <a:headEnd type="none" w="lg" len="lg"/>
          <a:tailEnd type="triangle" w="lg" len="lg"/>
        </a:ln>
      </a:spPr>
      <a:bodyPr/>
      <a:lstStyle/>
      <a:style>
        <a:lnRef idx="1">
          <a:schemeClr val="accent1"/>
        </a:lnRef>
        <a:fillRef idx="0">
          <a:schemeClr val="accent1"/>
        </a:fillRef>
        <a:effectRef idx="0">
          <a:schemeClr val="accent1"/>
        </a:effectRef>
        <a:fontRef idx="minor">
          <a:schemeClr val="tx1"/>
        </a:fontRef>
      </a:style>
    </a:lnDef>
    <a:txDef>
      <a:spPr>
        <a:noFill/>
      </a:spPr>
      <a:bodyPr wrap="square" rtlCol="0">
        <a:spAutoFit/>
      </a:bodyPr>
      <a:lstStyle>
        <a:defPPr marL="342900" indent="-342900" algn="l">
          <a:buClr>
            <a:srgbClr val="008CCF"/>
          </a:buClr>
          <a:buFont typeface="Rubik" pitchFamily="2" charset="-79"/>
          <a:buChar char="•"/>
          <a:defRPr sz="2400" smtClean="0"/>
        </a:defPPr>
      </a:lstStyle>
    </a:txDef>
  </a:objectDefaults>
  <a:extraClrSchemeLst/>
  <a:extLst>
    <a:ext uri="{05A4C25C-085E-4340-85A3-A5531E510DB2}">
      <thm15:themeFamily xmlns:thm15="http://schemas.microsoft.com/office/thememl/2012/main" name="Presentation1" id="{318247F5-C6FF-419F-B255-C3AC207D0A01}" vid="{01F9063B-DB9C-4E46-B9C9-16BDB2387992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DHIS2 Template </Template>
  <TotalTime>129130</TotalTime>
  <Words>1051</Words>
  <Application>Microsoft Macintosh PowerPoint</Application>
  <PresentationFormat>Custom</PresentationFormat>
  <Paragraphs>321</Paragraphs>
  <Slides>43</Slides>
  <Notes>23</Notes>
  <HiddenSlides>0</HiddenSlides>
  <MMClips>1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3</vt:i4>
      </vt:variant>
    </vt:vector>
  </HeadingPairs>
  <TitlesOfParts>
    <vt:vector size="50" baseType="lpstr">
      <vt:lpstr>Arial</vt:lpstr>
      <vt:lpstr>Calibri</vt:lpstr>
      <vt:lpstr>Lato</vt:lpstr>
      <vt:lpstr>Roboto</vt:lpstr>
      <vt:lpstr>Rubik</vt:lpstr>
      <vt:lpstr>Rubik Medium</vt:lpstr>
      <vt:lpstr>DHIS2 Online Academy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DHIS2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2.1.1 Orientation to Pivot tables - Data dimension and period</dc:title>
  <dc:subject>elearning</dc:subject>
  <dc:creator>Alejandra Avila</dc:creator>
  <cp:lastModifiedBy>Simona Sekerova</cp:lastModifiedBy>
  <cp:revision>451</cp:revision>
  <cp:lastPrinted>2021-06-09T13:32:46Z</cp:lastPrinted>
  <dcterms:created xsi:type="dcterms:W3CDTF">2021-02-03T12:41:27Z</dcterms:created>
  <dcterms:modified xsi:type="dcterms:W3CDTF">2023-09-13T07:13:49Z</dcterms:modified>
</cp:coreProperties>
</file>